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56" r:id="rId3"/>
    <p:sldId id="1895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6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79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C6E5E1-FAE3-E887-6249-64FF725C69D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D80EAA8-6964-CF89-56EB-7BB72512664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4DD7B2-153D-3EB1-1CB1-319E746A8A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72B00D-5945-8E21-73FB-C18BB4D962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3603096-CC96-F073-2392-6ED6125BEE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94085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C34D5A-A97D-4349-6DC2-A06975317F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C7F0D6D-CD55-B2EB-B523-F74E3BF4BAD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8B998D-BFBC-6E14-45F8-B7413492E0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C6F5F6-198C-6FF1-5344-47FE468103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D9851D0-EF04-0DC7-FCC4-5E22E1BB79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435886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4F34B64-C299-3ABA-9940-107A93DA2A3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95CDC82-EE08-C21F-7847-245B917BC80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BC90EC-4A17-ED70-88D1-7D73F5F849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574591C-0084-63D4-1197-5358C31B68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B0CE9AA-BA0F-29FC-0418-6175FE29BE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932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191712-1231-45E7-900B-50AAF3B6582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18596F0-061C-4D30-9D12-9B7F4E9DDC8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DFB620-B3D4-4A84-917F-94212C5BC6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C52337-2CED-45D5-8D1B-1269DBCDD6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EC88C7-8D6A-4FBD-B198-27D0FD79E6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928218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167F2A-569E-4C7E-9A82-F5F559FB27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2983AF8-50D3-4D17-8C6D-2767BA4980B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82DE8C-1960-490E-909B-13F98A23B2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142C7E-9CAC-42DF-A440-BB826B397B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D9ADBA7-B745-4DAF-9BB6-FE6EA05C93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561951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B8F338-AEA3-4581-A4EE-B1A1621F70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5CB5803-126D-4A0F-8964-5392E45B89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CB21E4-4D77-4FB1-AACC-C60CC2BDC1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588A90-F37B-4F54-A101-4DCE62C8BA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CD2E007-F478-4017-80BF-C1F81F8CBF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257651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8CC3D8-E3A5-4B52-B344-665E68C228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39A93E-CF5C-42CA-B09E-A325D422865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196B3BA-D024-4EDC-A654-0C5157104D9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2749F4D-778E-43BC-9170-E5E41D650C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B1EAE0-2649-4E39-8668-18B47DA525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C1F2747-E66C-4CF0-963F-85A2D85FDC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573361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EDF930-59AA-4C57-B040-B8F4727BF6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505F6F0-C2CC-4675-911E-0FD455F7347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A5A05EF-0AF6-4DA6-ABE2-082F2BCD132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851ADDB-D342-4F4E-AB48-A7181A26F7E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24B6563-D271-4B55-A65E-33D92739BED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AB59BB6-F9A9-495A-8D5B-C4D86F5A14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CDBDDE7-7563-4026-BA93-50123C3EED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DC41923-9C76-461A-9ABC-A6FF9A5991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082056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71EE62-5920-406C-97C8-1096D69A7B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FDE5E3F-C989-460F-8E3C-43D367EF7A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6398A9F-17FE-4EE2-AFDB-6BD5D25857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76CF34E-464E-4CFD-8D97-CBC204E0C8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195928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C2A4C1C-7ACD-4AAF-9BD9-64BF75C0C2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93B5408-45E8-4EA6-A2E8-4CEA9D19A4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6C694A1-0195-4AAB-8BB8-182DD8051A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998685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21F49C-8297-4748-81FB-7C7FAB040D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252476-0682-4002-9EF3-7E00DD5896F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0AE4CD0-6D8B-4B35-B639-68B49E0899B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BE7DD1A-FB8A-496C-B4AC-7C6862AFCA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0D289F4-5427-4530-B8C6-5E0C64412D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39EB13-BAD3-4F20-9DFC-02ED1E6647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38753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4DF316-F66D-E4A3-09CF-7A8027BABB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6C88D42-67F9-A41C-5994-97493154D28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F8008D-16AD-3875-C619-90293547BB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BDFCFA-4877-4689-DD58-6265E1B560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6C42F36-2746-703F-2B97-042591239D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624702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076CD8-7E75-42EB-816A-088C314D8B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503852B-6BD4-43D7-BB22-FE4F99FCE91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4CD201-B84B-4C48-86F8-5A3C40E41ED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090DD21-F961-47C6-85F1-7101519E4E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EF3FA6B-7436-478E-8C6C-18617B32AB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A8B43A4-8A65-4039-ADBE-0164B4E7D7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649902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C6CAF0-8538-4AA8-A2D6-0B47D6122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19B35B0-EEAD-46BA-9398-B40B6B75FFA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D7A5473-2B1A-49DF-A885-8318363D00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744E-7375-4DBC-B62C-8B9A5E35D0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4EFC03-56F3-4511-9B7E-2356D7E7AF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25885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0189671-648A-4033-BE02-ACF8A0C1DC3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5735F79-5F91-422B-B549-612025AFB82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2B2735-4A32-4533-A35B-ED78CB1434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411836-3FF7-490D-8554-973EFB0FDE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5508AD-2FC0-4509-ABA5-A8DBB7DB49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35621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A9503D-B589-3A80-7840-397E7C9995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BD7D367-1C28-C77A-B5F5-0F52693A1D0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EA9D6C-12EB-751D-EC39-975EE3CCEB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4281284-2458-BFF2-1B7A-9C248CF1DA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B44594B-9701-49B3-4732-3722220FDE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55717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E81FE3-FB26-4A69-8B57-49617B63A8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D7C998B-C182-5876-BD56-DC88B42B2D0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B17B8A0-972A-68F9-EB0A-31FCCC4A078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7DC237E-82D1-9030-F823-C3073B1916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CE82BE2-CBD2-0859-F84C-9CC6598438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863460D-5F6A-15F2-8689-DC3FF075FE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22568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CE8B3C-3870-468F-F76B-2A25FDE366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B5008DF-D987-62D4-6A49-E2ADB928C02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682F824-0AF8-C911-84FA-1E0B646AD0E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804CE36-56C5-811D-F0E5-5E8B8D66E7A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EAAEA46-B65A-3F1B-67FE-2EBDC919EAC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D805ED-9EF5-EDA0-9A8D-7AB7D15FA4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D5D0BE9-4975-76CF-487B-F2582863AE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38226F7-DBBE-F434-D31C-F2FA2C19D4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29084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FA57F7-D580-64B3-10E7-1254D5CBF0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506C6A8-61D3-B80F-481B-F699B4CF96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B6E87DF-B4F9-7957-3FC4-596EF22D8B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1B8B011-F73D-CDFB-E3BF-0636BEA107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026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277753C-B41B-8E90-197E-301E110D3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B9DC394-2D29-395E-E3D4-0020D60041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092D4A2-3420-5D68-55DE-02188B7DC8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40890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12EF7B-5853-F4FE-A65A-AA4EB0C213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8C2301-19B6-5BFB-D2EB-90EFBA9A28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298FC64-4D6F-A07E-BC5F-BDD9D6247FD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951E827-4975-1BB0-86D8-7960E72CA6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26BD44F-0A15-C226-7359-48285129C2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0DF675B-DFF2-0F37-EBF5-1D07738047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3125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D75C39-C431-9A6F-46E0-DB238FCC53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EC3EC23-E311-B72A-DC72-077338CD958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4A8F1D-A566-C9A6-7FF5-1959ED2EFC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70B478-4DF2-714B-3888-7E6C2300D8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7F7DF80-68D4-7D5B-6A85-6A97A122D3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E421D00-31DF-D1B4-536C-B3EA3F20FD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47655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BEFDA20-08A9-7897-D053-3EAAD005C0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29A7A35-BA5A-5CAC-6674-3E6B9D4396C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2A249F-6EA3-0FD7-9B89-FAC17725412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16FD2861-6A9A-4373-81C2-87EED589EDEA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02C522-F0F3-89D8-867D-8E8F5DAE390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580752-748C-3CF3-C61C-4FB6C4463CE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7E0DE8F0-CE9C-49E1-A154-07A0BE5532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7490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A55AF8A-89CB-485D-B9E2-DF1C6172F3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B1F7371-A70C-4975-9A42-4A23E453E01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B0A4F90-7266-4F8A-AFF8-17581BC38F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7AB0C60-5BCD-49EA-9A82-9D3C84BB263E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85B559-99D5-4FCA-9641-DE7A9F9ED2B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5E7AA3B-1869-4B4F-AEE2-51DBE6F6AA4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A88E91-1F77-46DC-A031-B9CE03BFE4B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4692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image" Target="../media/image3.png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image" Target="../media/image4.svg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image" Target="../media/image10.svg"/><Relationship Id="rId172" Type="http://schemas.openxmlformats.org/officeDocument/2006/relationships/image" Target="../media/image5.png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slideLayout" Target="../slideLayouts/slideLayout1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image" Target="../media/image6.sv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image" Target="../media/image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image" Target="../media/image7.png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image" Target="../media/image2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image" Target="../media/image8.svg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image" Target="../media/image9.png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1C7D2F-C0AB-6103-722A-B499E748618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554CEED-663D-6E5E-A454-0EB400D95A5D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361155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5" name="OTLSHAPE_SL_0a4493d80e5d4b4db97216699f08f690_BackgroundRectangle">
            <a:extLst>
              <a:ext uri="{FF2B5EF4-FFF2-40B4-BE49-F238E27FC236}">
                <a16:creationId xmlns:a16="http://schemas.microsoft.com/office/drawing/2014/main" id="{A2FC8FC3-1DA1-4DE8-902F-58178CE0841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35860"/>
            <a:ext cx="112649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78" name="OTLSHAPE_SL_dbef52961038470fa0ae29d3a4a76366_BackgroundRectangle">
            <a:extLst>
              <a:ext uri="{FF2B5EF4-FFF2-40B4-BE49-F238E27FC236}">
                <a16:creationId xmlns:a16="http://schemas.microsoft.com/office/drawing/2014/main" id="{10B159B6-D6F9-414C-8EC9-D1D2DC6CBAC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157940"/>
            <a:ext cx="11264900" cy="503555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1" name="OTLSHAPE_SL_266780cca70540a981a6c5c15afa7a6e_BackgroundRectangle">
            <a:extLst>
              <a:ext uri="{FF2B5EF4-FFF2-40B4-BE49-F238E27FC236}">
                <a16:creationId xmlns:a16="http://schemas.microsoft.com/office/drawing/2014/main" id="{EA4C9ABC-C00B-4975-BAA4-BBC66456D78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724995"/>
            <a:ext cx="112649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4" name="OTLSHAPE_SL_b70c3279189a4436b759ab8c10383de3_BackgroundRectangle">
            <a:extLst>
              <a:ext uri="{FF2B5EF4-FFF2-40B4-BE49-F238E27FC236}">
                <a16:creationId xmlns:a16="http://schemas.microsoft.com/office/drawing/2014/main" id="{7F1CB2FD-A6BB-4F36-828B-24771CA75D4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169154"/>
            <a:ext cx="112649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7" name="OTLSHAPE_SL_bc5deb4483974513ac7c8f1fae68d9c2_BackgroundRectangle">
            <a:extLst>
              <a:ext uri="{FF2B5EF4-FFF2-40B4-BE49-F238E27FC236}">
                <a16:creationId xmlns:a16="http://schemas.microsoft.com/office/drawing/2014/main" id="{4B67DDF1-6108-44CB-9B79-9E383E37E9A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447074"/>
            <a:ext cx="112649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" name="OTLSHAPE_SL_894ae848eb0a47debf01542c7b834487_BackgroundRectangle">
            <a:extLst>
              <a:ext uri="{FF2B5EF4-FFF2-40B4-BE49-F238E27FC236}">
                <a16:creationId xmlns:a16="http://schemas.microsoft.com/office/drawing/2014/main" id="{B68F8309-06AF-4685-BC1D-5A0291F7A34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5891234"/>
            <a:ext cx="11264900" cy="734780"/>
          </a:xfrm>
          <a:prstGeom prst="rect">
            <a:avLst/>
          </a:prstGeom>
          <a:solidFill>
            <a:srgbClr val="B5B5B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2A_b6668845b7a04b3c84231702fb41ff98_BackgroundRectangle" hidden="1">
            <a:extLst>
              <a:ext uri="{FF2B5EF4-FFF2-40B4-BE49-F238E27FC236}">
                <a16:creationId xmlns:a16="http://schemas.microsoft.com/office/drawing/2014/main" id="{194BB347-607A-25D5-5A92-DF3739CB9BE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74665" y="2435860"/>
            <a:ext cx="101600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2A_02a02c08ebbe4fdbadb5655058b6dba6_BackgroundRectangle" hidden="1">
            <a:extLst>
              <a:ext uri="{FF2B5EF4-FFF2-40B4-BE49-F238E27FC236}">
                <a16:creationId xmlns:a16="http://schemas.microsoft.com/office/drawing/2014/main" id="{64E2951A-2206-F35F-7999-D27DFE59253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74665" y="3157940"/>
            <a:ext cx="10160000" cy="503555"/>
          </a:xfrm>
          <a:prstGeom prst="rect">
            <a:avLst/>
          </a:prstGeom>
          <a:solidFill>
            <a:srgbClr val="B5B5B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2A_adb47313dea9427b8649e88427641c27_BackgroundRectangle" hidden="1">
            <a:extLst>
              <a:ext uri="{FF2B5EF4-FFF2-40B4-BE49-F238E27FC236}">
                <a16:creationId xmlns:a16="http://schemas.microsoft.com/office/drawing/2014/main" id="{F3457E07-ED76-C88B-B313-835A22BFD24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174665" y="3724995"/>
            <a:ext cx="101600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2A_c054f1d536214867b2fb38e8590d9688_BackgroundRectangle" hidden="1">
            <a:extLst>
              <a:ext uri="{FF2B5EF4-FFF2-40B4-BE49-F238E27FC236}">
                <a16:creationId xmlns:a16="http://schemas.microsoft.com/office/drawing/2014/main" id="{8E9714B1-056B-7907-F89D-506E5F2F90E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174665" y="4447074"/>
            <a:ext cx="101600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SL2A_abe32f7691cb424cbc6c2d47c2616dd7_BackgroundRectangle" hidden="1">
            <a:extLst>
              <a:ext uri="{FF2B5EF4-FFF2-40B4-BE49-F238E27FC236}">
                <a16:creationId xmlns:a16="http://schemas.microsoft.com/office/drawing/2014/main" id="{CAF9DA41-60A2-B316-757A-094840C145F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74665" y="5169154"/>
            <a:ext cx="101600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2" name="OTLSHAPE_SL2A_8b8a2f4bc462440782265885594bb8dd_BackgroundRectangle" hidden="1">
            <a:extLst>
              <a:ext uri="{FF2B5EF4-FFF2-40B4-BE49-F238E27FC236}">
                <a16:creationId xmlns:a16="http://schemas.microsoft.com/office/drawing/2014/main" id="{6B2AAF9E-302E-1D70-7285-FEACC082D12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174665" y="5891234"/>
            <a:ext cx="10160000" cy="734780"/>
          </a:xfrm>
          <a:prstGeom prst="rect">
            <a:avLst/>
          </a:prstGeom>
          <a:solidFill>
            <a:srgbClr val="B5B5B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BFE21164-6340-4BB3-9EDA-95A2271784D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85800" y="19026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  <a:endParaRPr kumimoji="0" lang="en-US" sz="1800" b="1" i="0" u="none" strike="noStrike" kern="1200" cap="none" spc="-44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D2009E9F-2CB3-4F83-9270-53A5752766F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1474534" y="19026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  <a:endParaRPr kumimoji="0" lang="en-US" sz="1800" b="1" i="0" u="none" strike="noStrike" kern="1200" cap="none" spc="-44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ScaleContainer">
            <a:extLst>
              <a:ext uri="{FF2B5EF4-FFF2-40B4-BE49-F238E27FC236}">
                <a16:creationId xmlns:a16="http://schemas.microsoft.com/office/drawing/2014/main" id="{B93E2084-D2C7-4EB6-892C-11C2454970F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301665" y="1851660"/>
            <a:ext cx="10033000" cy="3810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6" name="OTLSHAPE_SL_0a4493d80e5d4b4db97216699f08f690_HeaderRectangle">
            <a:extLst>
              <a:ext uri="{FF2B5EF4-FFF2-40B4-BE49-F238E27FC236}">
                <a16:creationId xmlns:a16="http://schemas.microsoft.com/office/drawing/2014/main" id="{3E569A9F-48F2-43D6-861A-5F3F4C54D27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2435860"/>
            <a:ext cx="1117600" cy="658580"/>
          </a:xfrm>
          <a:prstGeom prst="rect">
            <a:avLst/>
          </a:prstGeom>
          <a:solidFill>
            <a:srgbClr val="FCD447">
              <a:alpha val="80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79" name="OTLSHAPE_SL_dbef52961038470fa0ae29d3a4a76366_HeaderRectangle">
            <a:extLst>
              <a:ext uri="{FF2B5EF4-FFF2-40B4-BE49-F238E27FC236}">
                <a16:creationId xmlns:a16="http://schemas.microsoft.com/office/drawing/2014/main" id="{DE8D5CA1-79D9-487B-9E19-7A44F9B8E08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3157940"/>
            <a:ext cx="1117600" cy="503555"/>
          </a:xfrm>
          <a:prstGeom prst="rect">
            <a:avLst/>
          </a:prstGeom>
          <a:solidFill>
            <a:srgbClr val="ED2224">
              <a:alpha val="80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2" name="OTLSHAPE_SL_266780cca70540a981a6c5c15afa7a6e_HeaderRectangle">
            <a:extLst>
              <a:ext uri="{FF2B5EF4-FFF2-40B4-BE49-F238E27FC236}">
                <a16:creationId xmlns:a16="http://schemas.microsoft.com/office/drawing/2014/main" id="{B5182D04-6A8B-4A12-9F57-07DE1F60C17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3724995"/>
            <a:ext cx="1117600" cy="658580"/>
          </a:xfrm>
          <a:prstGeom prst="rect">
            <a:avLst/>
          </a:prstGeom>
          <a:solidFill>
            <a:schemeClr val="dk1">
              <a:alpha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5" name="OTLSHAPE_SL_b70c3279189a4436b759ab8c10383de3_HeaderRectangle">
            <a:extLst>
              <a:ext uri="{FF2B5EF4-FFF2-40B4-BE49-F238E27FC236}">
                <a16:creationId xmlns:a16="http://schemas.microsoft.com/office/drawing/2014/main" id="{79AC0A33-0012-4AB2-B14F-AC823C217C2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5169154"/>
            <a:ext cx="1117600" cy="658580"/>
          </a:xfrm>
          <a:prstGeom prst="rect">
            <a:avLst/>
          </a:prstGeom>
          <a:solidFill>
            <a:srgbClr val="252F6C">
              <a:alpha val="80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8" name="OTLSHAPE_SL_bc5deb4483974513ac7c8f1fae68d9c2_HeaderRectangle">
            <a:extLst>
              <a:ext uri="{FF2B5EF4-FFF2-40B4-BE49-F238E27FC236}">
                <a16:creationId xmlns:a16="http://schemas.microsoft.com/office/drawing/2014/main" id="{C05F360A-10E5-4BF4-80D0-277E442F9222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4447074"/>
            <a:ext cx="1117600" cy="658580"/>
          </a:xfrm>
          <a:prstGeom prst="rect">
            <a:avLst/>
          </a:prstGeom>
          <a:solidFill>
            <a:srgbClr val="0052B4">
              <a:alpha val="80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43" name="OTLSHAPE_SL_894ae848eb0a47debf01542c7b834487_HeaderRectangle">
            <a:extLst>
              <a:ext uri="{FF2B5EF4-FFF2-40B4-BE49-F238E27FC236}">
                <a16:creationId xmlns:a16="http://schemas.microsoft.com/office/drawing/2014/main" id="{F09B322A-CD79-448B-884C-3F746AFF2E4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5891234"/>
            <a:ext cx="1117600" cy="734780"/>
          </a:xfrm>
          <a:prstGeom prst="rect">
            <a:avLst/>
          </a:prstGeom>
          <a:solidFill>
            <a:srgbClr val="737373">
              <a:alpha val="49804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2" name="OTLSHAPE_SL2A_b6668845b7a04b3c84231702fb41ff98_HeaderRectangle" hidden="1">
            <a:extLst>
              <a:ext uri="{FF2B5EF4-FFF2-40B4-BE49-F238E27FC236}">
                <a16:creationId xmlns:a16="http://schemas.microsoft.com/office/drawing/2014/main" id="{0056B2EB-10D8-D8DA-EB31-65332DAFA6D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174665" y="2435860"/>
            <a:ext cx="0" cy="0"/>
          </a:xfrm>
          <a:prstGeom prst="rect">
            <a:avLst/>
          </a:prstGeom>
          <a:solidFill>
            <a:srgbClr val="FCD447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2A_02a02c08ebbe4fdbadb5655058b6dba6_HeaderRectangle" hidden="1">
            <a:extLst>
              <a:ext uri="{FF2B5EF4-FFF2-40B4-BE49-F238E27FC236}">
                <a16:creationId xmlns:a16="http://schemas.microsoft.com/office/drawing/2014/main" id="{2D57E50F-EB83-EF3A-DD5C-17051DE6C49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174665" y="3157940"/>
            <a:ext cx="0" cy="0"/>
          </a:xfrm>
          <a:prstGeom prst="rect">
            <a:avLst/>
          </a:prstGeom>
          <a:solidFill>
            <a:srgbClr val="ED22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adb47313dea9427b8649e88427641c27_HeaderRectangle" hidden="1">
            <a:extLst>
              <a:ext uri="{FF2B5EF4-FFF2-40B4-BE49-F238E27FC236}">
                <a16:creationId xmlns:a16="http://schemas.microsoft.com/office/drawing/2014/main" id="{C13C142C-66D1-D1B1-6451-C62CF6B47AB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174665" y="3724995"/>
            <a:ext cx="0" cy="0"/>
          </a:xfrm>
          <a:prstGeom prst="rect">
            <a:avLst/>
          </a:prstGeom>
          <a:solidFill>
            <a:schemeClr val="dk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2A_c054f1d536214867b2fb38e8590d9688_HeaderRectangle" hidden="1">
            <a:extLst>
              <a:ext uri="{FF2B5EF4-FFF2-40B4-BE49-F238E27FC236}">
                <a16:creationId xmlns:a16="http://schemas.microsoft.com/office/drawing/2014/main" id="{AF777460-739C-502D-9763-F847D1C75CD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74665" y="4447074"/>
            <a:ext cx="0" cy="0"/>
          </a:xfrm>
          <a:prstGeom prst="rect">
            <a:avLst/>
          </a:prstGeom>
          <a:solidFill>
            <a:srgbClr val="0052B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0" name="OTLSHAPE_SL2A_abe32f7691cb424cbc6c2d47c2616dd7_HeaderRectangle" hidden="1">
            <a:extLst>
              <a:ext uri="{FF2B5EF4-FFF2-40B4-BE49-F238E27FC236}">
                <a16:creationId xmlns:a16="http://schemas.microsoft.com/office/drawing/2014/main" id="{DEAC5C34-E344-BCD1-7E5D-7726A7C8483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174665" y="5169154"/>
            <a:ext cx="0" cy="0"/>
          </a:xfrm>
          <a:prstGeom prst="rect">
            <a:avLst/>
          </a:prstGeom>
          <a:solidFill>
            <a:srgbClr val="252F6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" name="OTLSHAPE_SL2A_8b8a2f4bc462440782265885594bb8dd_HeaderRectangle" hidden="1">
            <a:extLst>
              <a:ext uri="{FF2B5EF4-FFF2-40B4-BE49-F238E27FC236}">
                <a16:creationId xmlns:a16="http://schemas.microsoft.com/office/drawing/2014/main" id="{8B052F67-17EF-570B-E37D-5EBDD47E2B7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174665" y="5891234"/>
            <a:ext cx="0" cy="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0" name="OTLSHAPE_G_00000000000000000000000000000000_ShapeBelow0">
            <a:extLst>
              <a:ext uri="{FF2B5EF4-FFF2-40B4-BE49-F238E27FC236}">
                <a16:creationId xmlns:a16="http://schemas.microsoft.com/office/drawing/2014/main" id="{D5ABD3E4-5FD7-4B98-B178-A08DD5294931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133657" y="2232660"/>
            <a:ext cx="0" cy="4393353"/>
          </a:xfrm>
          <a:prstGeom prst="line">
            <a:avLst/>
          </a:prstGeom>
          <a:ln w="14288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G_00000000000000000000000000000000_ShapeBelow1">
            <a:extLst>
              <a:ext uri="{FF2B5EF4-FFF2-40B4-BE49-F238E27FC236}">
                <a16:creationId xmlns:a16="http://schemas.microsoft.com/office/drawing/2014/main" id="{9A24F162-92CD-4A67-BB1B-D82C7B98DE2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965648" y="2232660"/>
            <a:ext cx="0" cy="4393353"/>
          </a:xfrm>
          <a:prstGeom prst="line">
            <a:avLst/>
          </a:prstGeom>
          <a:ln w="14288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2">
            <a:extLst>
              <a:ext uri="{FF2B5EF4-FFF2-40B4-BE49-F238E27FC236}">
                <a16:creationId xmlns:a16="http://schemas.microsoft.com/office/drawing/2014/main" id="{1C2CD0DB-AF5E-4CAE-8BB5-DB04BF942489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806783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3">
            <a:extLst>
              <a:ext uri="{FF2B5EF4-FFF2-40B4-BE49-F238E27FC236}">
                <a16:creationId xmlns:a16="http://schemas.microsoft.com/office/drawing/2014/main" id="{FADFA878-19DD-4FC8-8D91-884A6A8FEB24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647917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4">
            <a:extLst>
              <a:ext uri="{FF2B5EF4-FFF2-40B4-BE49-F238E27FC236}">
                <a16:creationId xmlns:a16="http://schemas.microsoft.com/office/drawing/2014/main" id="{EBAA07E9-3531-4734-9015-9C5BA87268F0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470766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5">
            <a:extLst>
              <a:ext uri="{FF2B5EF4-FFF2-40B4-BE49-F238E27FC236}">
                <a16:creationId xmlns:a16="http://schemas.microsoft.com/office/drawing/2014/main" id="{08E5F0FB-6FDB-4558-BB75-603D51B3558C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302757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6">
            <a:extLst>
              <a:ext uri="{FF2B5EF4-FFF2-40B4-BE49-F238E27FC236}">
                <a16:creationId xmlns:a16="http://schemas.microsoft.com/office/drawing/2014/main" id="{407506D5-0964-401D-8CD9-FDA31F8DC172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143892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G_00000000000000000000000000000000_ShapeBelow7">
            <a:extLst>
              <a:ext uri="{FF2B5EF4-FFF2-40B4-BE49-F238E27FC236}">
                <a16:creationId xmlns:a16="http://schemas.microsoft.com/office/drawing/2014/main" id="{BBD4B80A-6C66-4D58-BBE3-86D6A9A11FF5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985026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G_00000000000000000000000000000000_ShapeBelow8">
            <a:extLst>
              <a:ext uri="{FF2B5EF4-FFF2-40B4-BE49-F238E27FC236}">
                <a16:creationId xmlns:a16="http://schemas.microsoft.com/office/drawing/2014/main" id="{88AB6FF8-459A-4570-9CBB-948B87DCAB86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807875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" name="OTLSHAPE_G_00000000000000000000000000000000_ShapeBelow9">
            <a:extLst>
              <a:ext uri="{FF2B5EF4-FFF2-40B4-BE49-F238E27FC236}">
                <a16:creationId xmlns:a16="http://schemas.microsoft.com/office/drawing/2014/main" id="{2278F875-87D2-4842-AB88-76E4AB266420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639866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" name="OTLSHAPE_G_00000000000000000000000000000000_ShapeBelow10">
            <a:extLst>
              <a:ext uri="{FF2B5EF4-FFF2-40B4-BE49-F238E27FC236}">
                <a16:creationId xmlns:a16="http://schemas.microsoft.com/office/drawing/2014/main" id="{632C1F8F-4FA5-4143-8E6C-A289FB98EC0F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10481001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7" name="OTLSHAPE_SLT_fa6375b4d5d145eeb7b2c7a7f4030979_Shape">
            <a:extLst>
              <a:ext uri="{FF2B5EF4-FFF2-40B4-BE49-F238E27FC236}">
                <a16:creationId xmlns:a16="http://schemas.microsoft.com/office/drawing/2014/main" id="{6652F415-DDFF-4610-BED0-B1288E0A354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151942" y="2715260"/>
            <a:ext cx="4152900" cy="186055"/>
          </a:xfrm>
          <a:prstGeom prst="chevron">
            <a:avLst/>
          </a:prstGeom>
          <a:solidFill>
            <a:srgbClr val="FCD447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29" name="OTLSHAPE_SLT_164a80e42deb40cdbda05f6da773f796_Shape">
            <a:extLst>
              <a:ext uri="{FF2B5EF4-FFF2-40B4-BE49-F238E27FC236}">
                <a16:creationId xmlns:a16="http://schemas.microsoft.com/office/drawing/2014/main" id="{EB9457FE-547D-46E1-B4E0-0E68E44E976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983934" y="3437340"/>
            <a:ext cx="3327400" cy="186055"/>
          </a:xfrm>
          <a:prstGeom prst="chevron">
            <a:avLst/>
          </a:prstGeom>
          <a:solidFill>
            <a:srgbClr val="22499B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35" name="OTLSHAPE_SLT_e90d56494d67471690a42039ab1dfbab_Shape">
            <a:extLst>
              <a:ext uri="{FF2B5EF4-FFF2-40B4-BE49-F238E27FC236}">
                <a16:creationId xmlns:a16="http://schemas.microsoft.com/office/drawing/2014/main" id="{DC6E1160-7761-4D80-A8F6-B33C98089EB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301665" y="4726474"/>
            <a:ext cx="6629400" cy="186055"/>
          </a:xfrm>
          <a:prstGeom prst="chevron">
            <a:avLst/>
          </a:prstGeom>
          <a:solidFill>
            <a:srgbClr val="D80027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31" name="OTLSHAPE_SLT_505da92153fe4d04b8dc7b99ac1c1a71_Shape">
            <a:extLst>
              <a:ext uri="{FF2B5EF4-FFF2-40B4-BE49-F238E27FC236}">
                <a16:creationId xmlns:a16="http://schemas.microsoft.com/office/drawing/2014/main" id="{501E8EEB-1EEA-4DD1-89E6-8A4800D7C75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336554" y="5448554"/>
            <a:ext cx="9956800" cy="186055"/>
          </a:xfrm>
          <a:prstGeom prst="chevron">
            <a:avLst/>
          </a:prstGeom>
          <a:solidFill>
            <a:srgbClr val="E51D35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41" name="OTLSHAPE_SLT_9650b9d41de54f0194faa96cae73d9ac_Shape">
            <a:extLst>
              <a:ext uri="{FF2B5EF4-FFF2-40B4-BE49-F238E27FC236}">
                <a16:creationId xmlns:a16="http://schemas.microsoft.com/office/drawing/2014/main" id="{9A7D8233-A0BB-4D51-9B20-35E8CC65B8F1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347379" y="6246834"/>
            <a:ext cx="9804400" cy="186055"/>
          </a:xfrm>
          <a:prstGeom prst="chevron">
            <a:avLst/>
          </a:prstGeom>
          <a:solidFill>
            <a:srgbClr val="626262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6" name="OTLSHAPE_SLT_031ee41ed0424ccd880ea4a37d0c0665_Shape">
            <a:extLst>
              <a:ext uri="{FF2B5EF4-FFF2-40B4-BE49-F238E27FC236}">
                <a16:creationId xmlns:a16="http://schemas.microsoft.com/office/drawing/2014/main" id="{6D4FC1D1-CF2A-41F9-98F0-DE8291A9C62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993070" y="4004395"/>
            <a:ext cx="8280400" cy="186055"/>
          </a:xfrm>
          <a:prstGeom prst="chevron">
            <a:avLst/>
          </a:prstGeom>
          <a:solidFill>
            <a:srgbClr val="003478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59" name="OTLSHAPE_SLM_b0bb81f737254ddcae41668a61b4cc9c_Shape">
            <a:extLst>
              <a:ext uri="{FF2B5EF4-FFF2-40B4-BE49-F238E27FC236}">
                <a16:creationId xmlns:a16="http://schemas.microsoft.com/office/drawing/2014/main" id="{E6AD9FE7-26CD-4CE5-862E-7F94A6F3DC6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717876" y="5207254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1" name="OTLSHAPE_SLM_97b06d81460540f29d34bf534764c7bf_Shape">
            <a:extLst>
              <a:ext uri="{FF2B5EF4-FFF2-40B4-BE49-F238E27FC236}">
                <a16:creationId xmlns:a16="http://schemas.microsoft.com/office/drawing/2014/main" id="{025B6908-B137-421F-940A-16D3277778D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743039" y="5207254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8" name="OTLSHAPE_SLM_8ad9f94d192647c78f8661e2e8fb1f9b_Shape">
            <a:extLst>
              <a:ext uri="{FF2B5EF4-FFF2-40B4-BE49-F238E27FC236}">
                <a16:creationId xmlns:a16="http://schemas.microsoft.com/office/drawing/2014/main" id="{C35AFF15-32B7-49DE-91C3-F636C8BA81A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064128" y="5207254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3" name="OTLSHAPE_SLM_9df4b86956514374b54f7625eeacfd52_Shape">
            <a:extLst>
              <a:ext uri="{FF2B5EF4-FFF2-40B4-BE49-F238E27FC236}">
                <a16:creationId xmlns:a16="http://schemas.microsoft.com/office/drawing/2014/main" id="{44870E08-1CD8-44D1-8C52-0E73900D7CF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976139" y="3196040"/>
            <a:ext cx="177800" cy="177800"/>
          </a:xfrm>
          <a:prstGeom prst="ellipse">
            <a:avLst/>
          </a:prstGeom>
          <a:solidFill>
            <a:srgbClr val="22499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6" name="OTLSHAPE_SLM_633f00c2d4134ec99256695e09c319c7_Shape">
            <a:extLst>
              <a:ext uri="{FF2B5EF4-FFF2-40B4-BE49-F238E27FC236}">
                <a16:creationId xmlns:a16="http://schemas.microsoft.com/office/drawing/2014/main" id="{CFF0521F-BD7B-492C-9B7E-40F1FA10594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828444" y="5929334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7" name="OTLSHAPE_SLM_31182e9b471c42e8895ee1d4b621afaa_Shape">
            <a:extLst>
              <a:ext uri="{FF2B5EF4-FFF2-40B4-BE49-F238E27FC236}">
                <a16:creationId xmlns:a16="http://schemas.microsoft.com/office/drawing/2014/main" id="{E7532FA5-4C07-4ED5-832F-8C3BD3FA505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188451" y="5929334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" name="OTLSHAPE_SLM_f67fd5c128fa4ae8a8075f5bbc4d4454_Shape">
            <a:extLst>
              <a:ext uri="{FF2B5EF4-FFF2-40B4-BE49-F238E27FC236}">
                <a16:creationId xmlns:a16="http://schemas.microsoft.com/office/drawing/2014/main" id="{1179FCCB-672D-4DE5-90DA-B925ACCA2AF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228461" y="5929334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M_9a0c75f529204a86b86c7fd242115398_Shape">
            <a:extLst>
              <a:ext uri="{FF2B5EF4-FFF2-40B4-BE49-F238E27FC236}">
                <a16:creationId xmlns:a16="http://schemas.microsoft.com/office/drawing/2014/main" id="{03BB0BE0-7CD2-4406-89F8-FCC71639B2E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367867" y="5929334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6" name="OTLSHAPE_SLM_78d836a2a3c74c5aa58b9e11a35825e2_Shape">
            <a:extLst>
              <a:ext uri="{FF2B5EF4-FFF2-40B4-BE49-F238E27FC236}">
                <a16:creationId xmlns:a16="http://schemas.microsoft.com/office/drawing/2014/main" id="{3F432ADD-584F-4E52-9351-33763B5D3A8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842436" y="4485174"/>
            <a:ext cx="177800" cy="177800"/>
          </a:xfrm>
          <a:prstGeom prst="ellipse">
            <a:avLst/>
          </a:prstGeom>
          <a:solidFill>
            <a:srgbClr val="D800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3" name="OTLSHAPE_SLM_692d03eb4cc24a1489c3656989b3981d_Shape">
            <a:extLst>
              <a:ext uri="{FF2B5EF4-FFF2-40B4-BE49-F238E27FC236}">
                <a16:creationId xmlns:a16="http://schemas.microsoft.com/office/drawing/2014/main" id="{0527B358-5C73-4015-8BFC-797C7E8E03C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656142" y="2473960"/>
            <a:ext cx="177800" cy="177800"/>
          </a:xfrm>
          <a:prstGeom prst="ellipse">
            <a:avLst/>
          </a:prstGeom>
          <a:solidFill>
            <a:srgbClr val="FCD447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7" name="OTLSHAPE_SLM_e92fd36076044e0aa5aa542c6565ae9a_Shape">
            <a:extLst>
              <a:ext uri="{FF2B5EF4-FFF2-40B4-BE49-F238E27FC236}">
                <a16:creationId xmlns:a16="http://schemas.microsoft.com/office/drawing/2014/main" id="{1C481FA0-2DAC-46E9-9E5E-374DD966315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826416" y="4485174"/>
            <a:ext cx="177800" cy="177800"/>
          </a:xfrm>
          <a:prstGeom prst="ellipse">
            <a:avLst/>
          </a:prstGeom>
          <a:solidFill>
            <a:srgbClr val="D800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5" name="OTLSHAPE_SLM_6b06120f4cec42b49fc04ca70b83e695_Shape">
            <a:extLst>
              <a:ext uri="{FF2B5EF4-FFF2-40B4-BE49-F238E27FC236}">
                <a16:creationId xmlns:a16="http://schemas.microsoft.com/office/drawing/2014/main" id="{30BEBB4D-4F32-4877-A3C7-32403EA32C3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222994" y="3763095"/>
            <a:ext cx="177800" cy="177800"/>
          </a:xfrm>
          <a:prstGeom prst="ellipse">
            <a:avLst/>
          </a:prstGeom>
          <a:solidFill>
            <a:srgbClr val="0034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4" name="OTLSHAPE_SLM_c00a43a0dcee45558d20f456f3fbd4c6_Shape">
            <a:extLst>
              <a:ext uri="{FF2B5EF4-FFF2-40B4-BE49-F238E27FC236}">
                <a16:creationId xmlns:a16="http://schemas.microsoft.com/office/drawing/2014/main" id="{3F129FD8-2987-4F0F-A483-B91E1615A95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0172667" y="3763095"/>
            <a:ext cx="177800" cy="177800"/>
          </a:xfrm>
          <a:prstGeom prst="ellipse">
            <a:avLst/>
          </a:prstGeom>
          <a:solidFill>
            <a:srgbClr val="0034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ElapsedTime">
            <a:extLst>
              <a:ext uri="{FF2B5EF4-FFF2-40B4-BE49-F238E27FC236}">
                <a16:creationId xmlns:a16="http://schemas.microsoft.com/office/drawing/2014/main" id="{01340B33-D2FF-AFEA-5FED-DC5C53163755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301665" y="1851660"/>
            <a:ext cx="1625600" cy="381000"/>
          </a:xfrm>
          <a:prstGeom prst="rect">
            <a:avLst/>
          </a:prstGeom>
          <a:solidFill>
            <a:srgbClr val="0D0D0D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T_fa6375b4d5d145eeb7b2c7a7f4030979_ShapePercentage" hidden="1">
            <a:extLst>
              <a:ext uri="{FF2B5EF4-FFF2-40B4-BE49-F238E27FC236}">
                <a16:creationId xmlns:a16="http://schemas.microsoft.com/office/drawing/2014/main" id="{4E48BB69-4416-EFE9-B8A0-D6C4CFB5648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151942" y="271526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3" name="OTLSHAPE_SLT_164a80e42deb40cdbda05f6da773f796_ShapePercentage" hidden="1">
            <a:extLst>
              <a:ext uri="{FF2B5EF4-FFF2-40B4-BE49-F238E27FC236}">
                <a16:creationId xmlns:a16="http://schemas.microsoft.com/office/drawing/2014/main" id="{4C96BF50-015D-3D2B-7D31-0A78EE7AD70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2983934" y="343734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2" name="OTLSHAPE_SLT_031ee41ed0424ccd880ea4a37d0c0665_ShapePercentage" hidden="1">
            <a:extLst>
              <a:ext uri="{FF2B5EF4-FFF2-40B4-BE49-F238E27FC236}">
                <a16:creationId xmlns:a16="http://schemas.microsoft.com/office/drawing/2014/main" id="{E92CBC32-65A8-7FD5-2F01-CA77103176A1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993070" y="400439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0" name="OTLSHAPE_SLT_e90d56494d67471690a42039ab1dfbab_ShapePercentage" hidden="1">
            <a:extLst>
              <a:ext uri="{FF2B5EF4-FFF2-40B4-BE49-F238E27FC236}">
                <a16:creationId xmlns:a16="http://schemas.microsoft.com/office/drawing/2014/main" id="{23D6B052-EDE8-4097-9025-20C2F31B2C5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301665" y="472647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54" name="OTLSHAPE_SLT_505da92153fe4d04b8dc7b99ac1c1a71_ShapePercentage" hidden="1">
            <a:extLst>
              <a:ext uri="{FF2B5EF4-FFF2-40B4-BE49-F238E27FC236}">
                <a16:creationId xmlns:a16="http://schemas.microsoft.com/office/drawing/2014/main" id="{98AFC930-061F-0B39-B8B9-5C40817DBF7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336554" y="544855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67" name="OTLSHAPE_SLT_9650b9d41de54f0194faa96cae73d9ac_ShapePercentage" hidden="1">
            <a:extLst>
              <a:ext uri="{FF2B5EF4-FFF2-40B4-BE49-F238E27FC236}">
                <a16:creationId xmlns:a16="http://schemas.microsoft.com/office/drawing/2014/main" id="{B6957B56-5CC4-BA68-0F40-2961A62C5E71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347379" y="624683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7" name="OTLSHAPE_SL_0a4493d80e5d4b4db97216699f08f690_Header">
            <a:extLst>
              <a:ext uri="{FF2B5EF4-FFF2-40B4-BE49-F238E27FC236}">
                <a16:creationId xmlns:a16="http://schemas.microsoft.com/office/drawing/2014/main" id="{C3689E46-00AB-4200-8185-81E4E48F5FB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2664375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ermany</a:t>
            </a:r>
          </a:p>
        </p:txBody>
      </p:sp>
      <p:sp>
        <p:nvSpPr>
          <p:cNvPr id="280" name="OTLSHAPE_SL_dbef52961038470fa0ae29d3a4a76366_Header">
            <a:extLst>
              <a:ext uri="{FF2B5EF4-FFF2-40B4-BE49-F238E27FC236}">
                <a16:creationId xmlns:a16="http://schemas.microsoft.com/office/drawing/2014/main" id="{25D865FB-B518-4310-BC5C-8CEF91E34FA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3308943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ance</a:t>
            </a:r>
          </a:p>
        </p:txBody>
      </p:sp>
      <p:sp>
        <p:nvSpPr>
          <p:cNvPr id="283" name="OTLSHAPE_SL_266780cca70540a981a6c5c15afa7a6e_Header">
            <a:extLst>
              <a:ext uri="{FF2B5EF4-FFF2-40B4-BE49-F238E27FC236}">
                <a16:creationId xmlns:a16="http://schemas.microsoft.com/office/drawing/2014/main" id="{5DEB7AD7-AF36-4E1D-8729-727A6543118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3953510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uth Korea</a:t>
            </a:r>
          </a:p>
        </p:txBody>
      </p:sp>
      <p:sp>
        <p:nvSpPr>
          <p:cNvPr id="286" name="OTLSHAPE_SL_b70c3279189a4436b759ab8c10383de3_Header">
            <a:extLst>
              <a:ext uri="{FF2B5EF4-FFF2-40B4-BE49-F238E27FC236}">
                <a16:creationId xmlns:a16="http://schemas.microsoft.com/office/drawing/2014/main" id="{8A6F49DD-8730-4854-998F-A23B5E903E1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5397669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K</a:t>
            </a:r>
          </a:p>
        </p:txBody>
      </p:sp>
      <p:sp>
        <p:nvSpPr>
          <p:cNvPr id="289" name="OTLSHAPE_SL_bc5deb4483974513ac7c8f1fae68d9c2_Header">
            <a:extLst>
              <a:ext uri="{FF2B5EF4-FFF2-40B4-BE49-F238E27FC236}">
                <a16:creationId xmlns:a16="http://schemas.microsoft.com/office/drawing/2014/main" id="{00C49AD8-7AC4-4FB8-A1B7-0DC95A1728B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4675590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SA</a:t>
            </a:r>
          </a:p>
        </p:txBody>
      </p:sp>
      <p:sp>
        <p:nvSpPr>
          <p:cNvPr id="344" name="OTLSHAPE_SL_894ae848eb0a47debf01542c7b834487_Header">
            <a:extLst>
              <a:ext uri="{FF2B5EF4-FFF2-40B4-BE49-F238E27FC236}">
                <a16:creationId xmlns:a16="http://schemas.microsoft.com/office/drawing/2014/main" id="{AB560B4F-AE7A-4718-A4A5-E61EF772E99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6157849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ther</a:t>
            </a:r>
          </a:p>
        </p:txBody>
      </p:sp>
      <p:sp>
        <p:nvSpPr>
          <p:cNvPr id="33" name="OTLSHAPE_SL2A_b6668845b7a04b3c84231702fb41ff98_Header" hidden="1">
            <a:extLst>
              <a:ext uri="{FF2B5EF4-FFF2-40B4-BE49-F238E27FC236}">
                <a16:creationId xmlns:a16="http://schemas.microsoft.com/office/drawing/2014/main" id="{15046AB9-D947-B7AA-2FFE-3DE69B0D03E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2A_02a02c08ebbe4fdbadb5655058b6dba6_Header" hidden="1">
            <a:extLst>
              <a:ext uri="{FF2B5EF4-FFF2-40B4-BE49-F238E27FC236}">
                <a16:creationId xmlns:a16="http://schemas.microsoft.com/office/drawing/2014/main" id="{37000CB0-BCB9-BF31-99D3-0B38DE956B6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2A_adb47313dea9427b8649e88427641c27_Header" hidden="1">
            <a:extLst>
              <a:ext uri="{FF2B5EF4-FFF2-40B4-BE49-F238E27FC236}">
                <a16:creationId xmlns:a16="http://schemas.microsoft.com/office/drawing/2014/main" id="{2EF18383-5771-8428-92C8-7764574DBA5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2A_c054f1d536214867b2fb38e8590d9688_Header" hidden="1">
            <a:extLst>
              <a:ext uri="{FF2B5EF4-FFF2-40B4-BE49-F238E27FC236}">
                <a16:creationId xmlns:a16="http://schemas.microsoft.com/office/drawing/2014/main" id="{8D14FC75-8062-CE3B-2DAF-B7A9C5FC271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SL2A_abe32f7691cb424cbc6c2d47c2616dd7_Header" hidden="1">
            <a:extLst>
              <a:ext uri="{FF2B5EF4-FFF2-40B4-BE49-F238E27FC236}">
                <a16:creationId xmlns:a16="http://schemas.microsoft.com/office/drawing/2014/main" id="{52707745-DD50-1FC6-8892-D7D8F4256B1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1" name="OTLSHAPE_SL2A_8b8a2f4bc462440782265885594bb8dd_Header" hidden="1">
            <a:extLst>
              <a:ext uri="{FF2B5EF4-FFF2-40B4-BE49-F238E27FC236}">
                <a16:creationId xmlns:a16="http://schemas.microsoft.com/office/drawing/2014/main" id="{770DCC47-C1DC-5A2A-ECB4-9D429FD0A15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17360077-78A6-5A3B-4B0E-28F466023341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2871040" y="22326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DFD0B96-5F14-4FD4-B744-758B5F01AA4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365165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E35554AC-CA09-4E9C-987A-672C93E48E7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197157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F06032-C8F2-4EFC-981B-563CAD9519E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029148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312" name="OTLSHAPE_SLT_fa6375b4d5d145eeb7b2c7a7f4030979_JoinedDate">
            <a:extLst>
              <a:ext uri="{FF2B5EF4-FFF2-40B4-BE49-F238E27FC236}">
                <a16:creationId xmlns:a16="http://schemas.microsoft.com/office/drawing/2014/main" id="{4B0EE707-44DF-4441-B606-D1B7D535910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151942" y="2901315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24 - Jun 2025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3" name="OTLSHAPE_SLT_fa6375b4d5d145eeb7b2c7a7f4030979_Title">
            <a:extLst>
              <a:ext uri="{FF2B5EF4-FFF2-40B4-BE49-F238E27FC236}">
                <a16:creationId xmlns:a16="http://schemas.microsoft.com/office/drawing/2014/main" id="{BF1907C6-4DE9-4A14-B1C5-B452670F23C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833680" y="273077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ermany Pilot </a:t>
            </a:r>
          </a:p>
        </p:txBody>
      </p:sp>
      <p:sp>
        <p:nvSpPr>
          <p:cNvPr id="320" name="OTLSHAPE_SLT_164a80e42deb40cdbda05f6da773f796_JoinedDate">
            <a:extLst>
              <a:ext uri="{FF2B5EF4-FFF2-40B4-BE49-F238E27FC236}">
                <a16:creationId xmlns:a16="http://schemas.microsoft.com/office/drawing/2014/main" id="{A62A263D-FA36-474D-8B4E-0DC7C39288C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354681" y="3452855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4 - Jul 2025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1" name="OTLSHAPE_SLT_164a80e42deb40cdbda05f6da773f796_Title">
            <a:extLst>
              <a:ext uri="{FF2B5EF4-FFF2-40B4-BE49-F238E27FC236}">
                <a16:creationId xmlns:a16="http://schemas.microsoft.com/office/drawing/2014/main" id="{C092CDB3-3885-4D72-9027-A1D152F7150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334134" y="345285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ance Pilot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8" name="OTLSHAPE_SLT_e90d56494d67471690a42039ab1dfbab_JoinedDate">
            <a:extLst>
              <a:ext uri="{FF2B5EF4-FFF2-40B4-BE49-F238E27FC236}">
                <a16:creationId xmlns:a16="http://schemas.microsoft.com/office/drawing/2014/main" id="{88FF35E9-5BA0-4294-AAEA-CE5AA334646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301665" y="491252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4 - Dec 2025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9" name="OTLSHAPE_SLT_e90d56494d67471690a42039ab1dfbab_Title">
            <a:extLst>
              <a:ext uri="{FF2B5EF4-FFF2-40B4-BE49-F238E27FC236}">
                <a16:creationId xmlns:a16="http://schemas.microsoft.com/office/drawing/2014/main" id="{ABB7B192-1118-448F-A5E9-C53A2B1A264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359289" y="474199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ecution</a:t>
            </a:r>
          </a:p>
        </p:txBody>
      </p:sp>
      <p:sp>
        <p:nvSpPr>
          <p:cNvPr id="357" name="OTLSHAPE_SLT_505da92153fe4d04b8dc7b99ac1c1a71_JoinedDate">
            <a:extLst>
              <a:ext uri="{FF2B5EF4-FFF2-40B4-BE49-F238E27FC236}">
                <a16:creationId xmlns:a16="http://schemas.microsoft.com/office/drawing/2014/main" id="{E5FCF412-2689-4788-AF1C-460444934A8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336554" y="563460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4 - Dec 2026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8" name="OTLSHAPE_SLT_505da92153fe4d04b8dc7b99ac1c1a71_Title">
            <a:extLst>
              <a:ext uri="{FF2B5EF4-FFF2-40B4-BE49-F238E27FC236}">
                <a16:creationId xmlns:a16="http://schemas.microsoft.com/office/drawing/2014/main" id="{E9CB11BC-F3D0-4567-860C-2A463CC5720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020564" y="546406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ion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3" name="OTLSHAPE_SLT_9650b9d41de54f0194faa96cae73d9ac_JoinedDate">
            <a:extLst>
              <a:ext uri="{FF2B5EF4-FFF2-40B4-BE49-F238E27FC236}">
                <a16:creationId xmlns:a16="http://schemas.microsoft.com/office/drawing/2014/main" id="{400D7A35-7636-4A7C-815F-4C24B60D4E35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347379" y="643288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4 - Dec 2026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4" name="OTLSHAPE_SLT_9650b9d41de54f0194faa96cae73d9ac_Title">
            <a:extLst>
              <a:ext uri="{FF2B5EF4-FFF2-40B4-BE49-F238E27FC236}">
                <a16:creationId xmlns:a16="http://schemas.microsoft.com/office/drawing/2014/main" id="{FDEC205A-60A2-470C-B6EE-A2FB04810A2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805639" y="6262349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lobal Execution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1" name="OTLSHAPE_SLT_031ee41ed0424ccd880ea4a37d0c0665_JoinedDate">
            <a:extLst>
              <a:ext uri="{FF2B5EF4-FFF2-40B4-BE49-F238E27FC236}">
                <a16:creationId xmlns:a16="http://schemas.microsoft.com/office/drawing/2014/main" id="{F7AB5F5D-6B7C-427B-88FA-79D6417DF0D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993070" y="4190450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4 - Dec 2026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SLT_031ee41ed0424ccd880ea4a37d0c0665_Title">
            <a:extLst>
              <a:ext uri="{FF2B5EF4-FFF2-40B4-BE49-F238E27FC236}">
                <a16:creationId xmlns:a16="http://schemas.microsoft.com/office/drawing/2014/main" id="{EFCF62E9-4E5C-4CD7-94F3-539ECD31198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823173" y="401991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ion </a:t>
            </a:r>
          </a:p>
        </p:txBody>
      </p:sp>
      <p:sp>
        <p:nvSpPr>
          <p:cNvPr id="525" name="OTLSHAPE_SLM_b0bb81f737254ddcae41668a61b4cc9c_Title">
            <a:extLst>
              <a:ext uri="{FF2B5EF4-FFF2-40B4-BE49-F238E27FC236}">
                <a16:creationId xmlns:a16="http://schemas.microsoft.com/office/drawing/2014/main" id="{0EB7AF6C-A70C-487B-8DF8-4FE6A7698B6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317361" y="521864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I</a:t>
            </a:r>
          </a:p>
        </p:txBody>
      </p:sp>
      <p:sp>
        <p:nvSpPr>
          <p:cNvPr id="528" name="OTLSHAPE_SLM_97b06d81460540f29d34bf534764c7bf_Title">
            <a:extLst>
              <a:ext uri="{FF2B5EF4-FFF2-40B4-BE49-F238E27FC236}">
                <a16:creationId xmlns:a16="http://schemas.microsoft.com/office/drawing/2014/main" id="{A7B87A1E-2771-4BAD-AF9C-D84A4844EF8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310520" y="52186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II</a:t>
            </a:r>
          </a:p>
        </p:txBody>
      </p:sp>
      <p:sp>
        <p:nvSpPr>
          <p:cNvPr id="531" name="OTLSHAPE_SLM_8ad9f94d192647c78f8661e2e8fb1f9b_Title">
            <a:extLst>
              <a:ext uri="{FF2B5EF4-FFF2-40B4-BE49-F238E27FC236}">
                <a16:creationId xmlns:a16="http://schemas.microsoft.com/office/drawing/2014/main" id="{35065E2A-74CA-42CC-A909-CACD3A8F7E4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695616" y="521864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</a:t>
            </a:r>
          </a:p>
        </p:txBody>
      </p:sp>
      <p:sp>
        <p:nvSpPr>
          <p:cNvPr id="534" name="OTLSHAPE_SLM_9df4b86956514374b54f7625eeacfd52_Title">
            <a:extLst>
              <a:ext uri="{FF2B5EF4-FFF2-40B4-BE49-F238E27FC236}">
                <a16:creationId xmlns:a16="http://schemas.microsoft.com/office/drawing/2014/main" id="{F190C969-8C8A-49FC-980C-B404D0022EF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294784" y="320742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blish data</a:t>
            </a:r>
          </a:p>
        </p:txBody>
      </p:sp>
      <p:sp>
        <p:nvSpPr>
          <p:cNvPr id="535" name="OTLSHAPE_SLM_9df4b86956514374b54f7625eeacfd52_Date">
            <a:extLst>
              <a:ext uri="{FF2B5EF4-FFF2-40B4-BE49-F238E27FC236}">
                <a16:creationId xmlns:a16="http://schemas.microsoft.com/office/drawing/2014/main" id="{A39025CB-B696-4C55-90EC-85CABCCA975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204739" y="320742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, 2025</a:t>
            </a:r>
          </a:p>
        </p:txBody>
      </p:sp>
      <p:sp>
        <p:nvSpPr>
          <p:cNvPr id="537" name="OTLSHAPE_SLM_633f00c2d4134ec99256695e09c319c7_Title">
            <a:extLst>
              <a:ext uri="{FF2B5EF4-FFF2-40B4-BE49-F238E27FC236}">
                <a16:creationId xmlns:a16="http://schemas.microsoft.com/office/drawing/2014/main" id="{AC030A13-BE53-42B6-8392-9C4D1ED7664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107844" y="597882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ina</a:t>
            </a:r>
          </a:p>
        </p:txBody>
      </p:sp>
      <p:sp>
        <p:nvSpPr>
          <p:cNvPr id="540" name="OTLSHAPE_SLM_31182e9b471c42e8895ee1d4b621afaa_Title">
            <a:extLst>
              <a:ext uri="{FF2B5EF4-FFF2-40B4-BE49-F238E27FC236}">
                <a16:creationId xmlns:a16="http://schemas.microsoft.com/office/drawing/2014/main" id="{AAAF20A1-F041-44E3-92DB-B996361D778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467851" y="597882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urkey</a:t>
            </a:r>
          </a:p>
        </p:txBody>
      </p:sp>
      <p:sp>
        <p:nvSpPr>
          <p:cNvPr id="543" name="OTLSHAPE_SLM_f67fd5c128fa4ae8a8075f5bbc4d4454_Title">
            <a:extLst>
              <a:ext uri="{FF2B5EF4-FFF2-40B4-BE49-F238E27FC236}">
                <a16:creationId xmlns:a16="http://schemas.microsoft.com/office/drawing/2014/main" id="{FC7CEDF4-F454-4BA4-AF59-9E788DAA28A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507861" y="597882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ain</a:t>
            </a:r>
          </a:p>
        </p:txBody>
      </p:sp>
      <p:sp>
        <p:nvSpPr>
          <p:cNvPr id="546" name="OTLSHAPE_SLM_9a0c75f529204a86b86c7fd242115398_Title">
            <a:extLst>
              <a:ext uri="{FF2B5EF4-FFF2-40B4-BE49-F238E27FC236}">
                <a16:creationId xmlns:a16="http://schemas.microsoft.com/office/drawing/2014/main" id="{4CF9113B-9FD5-4631-A03E-A55D0562E238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647267" y="597882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eden</a:t>
            </a:r>
          </a:p>
        </p:txBody>
      </p:sp>
      <p:sp>
        <p:nvSpPr>
          <p:cNvPr id="554" name="OTLSHAPE_SLM_78d836a2a3c74c5aa58b9e11a35825e2_Title">
            <a:extLst>
              <a:ext uri="{FF2B5EF4-FFF2-40B4-BE49-F238E27FC236}">
                <a16:creationId xmlns:a16="http://schemas.microsoft.com/office/drawing/2014/main" id="{2DE0B1C0-CE53-4BBD-A34E-A10FB876C04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4157737" y="4496562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refresh</a:t>
            </a:r>
          </a:p>
        </p:txBody>
      </p:sp>
      <p:sp>
        <p:nvSpPr>
          <p:cNvPr id="555" name="OTLSHAPE_SLM_78d836a2a3c74c5aa58b9e11a35825e2_Date">
            <a:extLst>
              <a:ext uri="{FF2B5EF4-FFF2-40B4-BE49-F238E27FC236}">
                <a16:creationId xmlns:a16="http://schemas.microsoft.com/office/drawing/2014/main" id="{017A77C2-DF0F-4D25-9A92-C734B7BCB9E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071036" y="449656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31, 2025</a:t>
            </a:r>
          </a:p>
        </p:txBody>
      </p:sp>
      <p:sp>
        <p:nvSpPr>
          <p:cNvPr id="560" name="OTLSHAPE_SLM_692d03eb4cc24a1489c3656989b3981d_Title">
            <a:extLst>
              <a:ext uri="{FF2B5EF4-FFF2-40B4-BE49-F238E27FC236}">
                <a16:creationId xmlns:a16="http://schemas.microsoft.com/office/drawing/2014/main" id="{892BC6DC-4DA6-4E46-898A-916D5BE6728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974787" y="248534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blish data</a:t>
            </a:r>
          </a:p>
        </p:txBody>
      </p:sp>
      <p:sp>
        <p:nvSpPr>
          <p:cNvPr id="561" name="OTLSHAPE_SLM_692d03eb4cc24a1489c3656989b3981d_Date">
            <a:extLst>
              <a:ext uri="{FF2B5EF4-FFF2-40B4-BE49-F238E27FC236}">
                <a16:creationId xmlns:a16="http://schemas.microsoft.com/office/drawing/2014/main" id="{8AB0625D-C4EC-4C1C-A633-6B9E8013447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884742" y="248534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30, 2025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3" name="OTLSHAPE_SLM_e92fd36076044e0aa5aa542c6565ae9a_Title">
            <a:extLst>
              <a:ext uri="{FF2B5EF4-FFF2-40B4-BE49-F238E27FC236}">
                <a16:creationId xmlns:a16="http://schemas.microsoft.com/office/drawing/2014/main" id="{AC7A4E1E-8992-4169-ACEE-33BE5C37439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457905" y="449656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</a:t>
            </a:r>
          </a:p>
        </p:txBody>
      </p:sp>
      <p:sp>
        <p:nvSpPr>
          <p:cNvPr id="564" name="OTLSHAPE_SLM_e92fd36076044e0aa5aa542c6565ae9a_Date">
            <a:extLst>
              <a:ext uri="{FF2B5EF4-FFF2-40B4-BE49-F238E27FC236}">
                <a16:creationId xmlns:a16="http://schemas.microsoft.com/office/drawing/2014/main" id="{7947EA13-0AD5-4D63-94B5-A3E567DC585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055016" y="4496562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5, 2025</a:t>
            </a:r>
          </a:p>
        </p:txBody>
      </p:sp>
      <p:sp>
        <p:nvSpPr>
          <p:cNvPr id="30" name="OTLSHAPE_SLM_6b06120f4cec42b49fc04ca70b83e695_Title">
            <a:extLst>
              <a:ext uri="{FF2B5EF4-FFF2-40B4-BE49-F238E27FC236}">
                <a16:creationId xmlns:a16="http://schemas.microsoft.com/office/drawing/2014/main" id="{7882A81E-2B85-406D-AF18-B0CA66E5FAD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790474" y="377448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II</a:t>
            </a:r>
          </a:p>
        </p:txBody>
      </p:sp>
      <p:sp>
        <p:nvSpPr>
          <p:cNvPr id="31" name="OTLSHAPE_SLM_6b06120f4cec42b49fc04ca70b83e695_Date">
            <a:extLst>
              <a:ext uri="{FF2B5EF4-FFF2-40B4-BE49-F238E27FC236}">
                <a16:creationId xmlns:a16="http://schemas.microsoft.com/office/drawing/2014/main" id="{2DB3AABA-0FE6-4759-BF32-6AF4595072B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451594" y="377448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, 2025</a:t>
            </a:r>
          </a:p>
        </p:txBody>
      </p:sp>
      <p:sp>
        <p:nvSpPr>
          <p:cNvPr id="507" name="OTLSHAPE_TB_00000000000000000000000000000000_TimescaleInterval4">
            <a:extLst>
              <a:ext uri="{FF2B5EF4-FFF2-40B4-BE49-F238E27FC236}">
                <a16:creationId xmlns:a16="http://schemas.microsoft.com/office/drawing/2014/main" id="{4CA8F918-8315-4EB1-89A4-21809885FEE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870283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10" name="OTLSHAPE_TB_00000000000000000000000000000000_TimescaleInterval5">
            <a:extLst>
              <a:ext uri="{FF2B5EF4-FFF2-40B4-BE49-F238E27FC236}">
                <a16:creationId xmlns:a16="http://schemas.microsoft.com/office/drawing/2014/main" id="{3896B74D-E62C-4868-8D1B-B0140FD4E49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711417" y="1856105"/>
            <a:ext cx="314189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
2025</a:t>
            </a:r>
          </a:p>
        </p:txBody>
      </p:sp>
      <p:sp>
        <p:nvSpPr>
          <p:cNvPr id="511" name="OTLSHAPE_TB_00000000000000000000000000000000_TimescaleInterval6">
            <a:extLst>
              <a:ext uri="{FF2B5EF4-FFF2-40B4-BE49-F238E27FC236}">
                <a16:creationId xmlns:a16="http://schemas.microsoft.com/office/drawing/2014/main" id="{FE7848DA-0F2C-427C-8EF8-F8A327AE4EA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534266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94" name="OTLSHAPE_TB_00000000000000000000000000000000_TimescaleInterval7">
            <a:extLst>
              <a:ext uri="{FF2B5EF4-FFF2-40B4-BE49-F238E27FC236}">
                <a16:creationId xmlns:a16="http://schemas.microsoft.com/office/drawing/2014/main" id="{F405AFD2-E52C-4B26-A14F-3CBFE2FD442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366257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95" name="OTLSHAPE_TB_00000000000000000000000000000000_TimescaleInterval8">
            <a:extLst>
              <a:ext uri="{FF2B5EF4-FFF2-40B4-BE49-F238E27FC236}">
                <a16:creationId xmlns:a16="http://schemas.microsoft.com/office/drawing/2014/main" id="{1AF6D078-F5E5-4281-8729-A1AC3BA2661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207392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96" name="OTLSHAPE_TB_00000000000000000000000000000000_TimescaleInterval9">
            <a:extLst>
              <a:ext uri="{FF2B5EF4-FFF2-40B4-BE49-F238E27FC236}">
                <a16:creationId xmlns:a16="http://schemas.microsoft.com/office/drawing/2014/main" id="{6BCA8028-6105-4DEC-AAE3-B0DB1501111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048526" y="1856105"/>
            <a:ext cx="314189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
2026</a:t>
            </a:r>
          </a:p>
        </p:txBody>
      </p:sp>
      <p:sp>
        <p:nvSpPr>
          <p:cNvPr id="297" name="OTLSHAPE_TB_00000000000000000000000000000000_TimescaleInterval10">
            <a:extLst>
              <a:ext uri="{FF2B5EF4-FFF2-40B4-BE49-F238E27FC236}">
                <a16:creationId xmlns:a16="http://schemas.microsoft.com/office/drawing/2014/main" id="{6894600E-E0D0-4D71-A21D-59C7E9B5461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871375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98" name="OTLSHAPE_TB_00000000000000000000000000000000_TimescaleInterval11">
            <a:extLst>
              <a:ext uri="{FF2B5EF4-FFF2-40B4-BE49-F238E27FC236}">
                <a16:creationId xmlns:a16="http://schemas.microsoft.com/office/drawing/2014/main" id="{E7555431-039F-4B30-9518-8AE806C3D3D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03366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99" name="OTLSHAPE_TB_00000000000000000000000000000000_TimescaleInterval12">
            <a:extLst>
              <a:ext uri="{FF2B5EF4-FFF2-40B4-BE49-F238E27FC236}">
                <a16:creationId xmlns:a16="http://schemas.microsoft.com/office/drawing/2014/main" id="{E1FECA1B-0599-4C72-AFA6-67D3235D49D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544501" y="194913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8" name="OTLSHAPE_SLM_8ad9f94d192647c78f8661e2e8fb1f9b_Date">
            <a:extLst>
              <a:ext uri="{FF2B5EF4-FFF2-40B4-BE49-F238E27FC236}">
                <a16:creationId xmlns:a16="http://schemas.microsoft.com/office/drawing/2014/main" id="{C13F8421-F3EB-49E6-8199-D3D71DCAFE0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292728" y="5218642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 1, 2025</a:t>
            </a:r>
          </a:p>
        </p:txBody>
      </p:sp>
      <p:sp>
        <p:nvSpPr>
          <p:cNvPr id="29" name="OTLSHAPE_SLM_b0bb81f737254ddcae41668a61b4cc9c_Date">
            <a:extLst>
              <a:ext uri="{FF2B5EF4-FFF2-40B4-BE49-F238E27FC236}">
                <a16:creationId xmlns:a16="http://schemas.microsoft.com/office/drawing/2014/main" id="{512095E1-0486-41CA-9B56-E9950C5B76AB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46476" y="521864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 30, 2024</a:t>
            </a:r>
          </a:p>
        </p:txBody>
      </p:sp>
      <p:sp>
        <p:nvSpPr>
          <p:cNvPr id="448" name="OTLSHAPE_SLM_97b06d81460540f29d34bf534764c7bf_Date">
            <a:extLst>
              <a:ext uri="{FF2B5EF4-FFF2-40B4-BE49-F238E27FC236}">
                <a16:creationId xmlns:a16="http://schemas.microsoft.com/office/drawing/2014/main" id="{A71FE6C7-E324-400E-80DC-4D28D884E61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971639" y="521864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b 27, 2024</a:t>
            </a:r>
          </a:p>
        </p:txBody>
      </p:sp>
      <p:sp>
        <p:nvSpPr>
          <p:cNvPr id="457" name="OTLSHAPE_SLM_c00a43a0dcee45558d20f456f3fbd4c6_Title">
            <a:extLst>
              <a:ext uri="{FF2B5EF4-FFF2-40B4-BE49-F238E27FC236}">
                <a16:creationId xmlns:a16="http://schemas.microsoft.com/office/drawing/2014/main" id="{C4D0C25A-78E8-4B78-A7CE-267C238298F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9317704" y="377448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sh to Class IV</a:t>
            </a:r>
          </a:p>
        </p:txBody>
      </p:sp>
      <p:sp>
        <p:nvSpPr>
          <p:cNvPr id="12" name="OTLSHAPE_TB_00000000000000000000000000000000_TodayMarkerText" hidden="1">
            <a:extLst>
              <a:ext uri="{FF2B5EF4-FFF2-40B4-BE49-F238E27FC236}">
                <a16:creationId xmlns:a16="http://schemas.microsoft.com/office/drawing/2014/main" id="{28FE272A-4B5F-D39F-383A-9DFEBD9637D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6" name="OTLSHAPE_SLT_fa6375b4d5d145eeb7b2c7a7f4030979_Duration" hidden="1">
            <a:extLst>
              <a:ext uri="{FF2B5EF4-FFF2-40B4-BE49-F238E27FC236}">
                <a16:creationId xmlns:a16="http://schemas.microsoft.com/office/drawing/2014/main" id="{DF33C06F-A7CA-0C3B-41F2-E0E85A88BFD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23.4 days</a:t>
            </a:r>
          </a:p>
        </p:txBody>
      </p:sp>
      <p:sp>
        <p:nvSpPr>
          <p:cNvPr id="37" name="OTLSHAPE_SLT_fa6375b4d5d145eeb7b2c7a7f4030979_TextPercentage" hidden="1">
            <a:extLst>
              <a:ext uri="{FF2B5EF4-FFF2-40B4-BE49-F238E27FC236}">
                <a16:creationId xmlns:a16="http://schemas.microsoft.com/office/drawing/2014/main" id="{FAC74B86-7A6A-15BC-6C1F-976FFC2409F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38" name="OTLSHAPE_SLT_fa6375b4d5d145eeb7b2c7a7f4030979_StartDate" hidden="1">
            <a:extLst>
              <a:ext uri="{FF2B5EF4-FFF2-40B4-BE49-F238E27FC236}">
                <a16:creationId xmlns:a16="http://schemas.microsoft.com/office/drawing/2014/main" id="{97D0260D-D565-2CCE-7983-DBA49160335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fa6375b4d5d145eeb7b2c7a7f4030979_EndDate" hidden="1">
            <a:extLst>
              <a:ext uri="{FF2B5EF4-FFF2-40B4-BE49-F238E27FC236}">
                <a16:creationId xmlns:a16="http://schemas.microsoft.com/office/drawing/2014/main" id="{7FD7AB5A-69B7-76A1-9B0F-9E59BCFC079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164a80e42deb40cdbda05f6da773f796_Duration" hidden="1">
            <a:extLst>
              <a:ext uri="{FF2B5EF4-FFF2-40B4-BE49-F238E27FC236}">
                <a16:creationId xmlns:a16="http://schemas.microsoft.com/office/drawing/2014/main" id="{D764C325-7EB2-EBF7-A53C-4698AE10DD0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59.1 days</a:t>
            </a:r>
          </a:p>
        </p:txBody>
      </p:sp>
      <p:sp>
        <p:nvSpPr>
          <p:cNvPr id="45" name="OTLSHAPE_SLT_164a80e42deb40cdbda05f6da773f796_TextPercentage" hidden="1">
            <a:extLst>
              <a:ext uri="{FF2B5EF4-FFF2-40B4-BE49-F238E27FC236}">
                <a16:creationId xmlns:a16="http://schemas.microsoft.com/office/drawing/2014/main" id="{5D8CBFA7-705C-87B9-7F4A-E6C3D189742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EECE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46" name="OTLSHAPE_SLT_164a80e42deb40cdbda05f6da773f796_StartDate" hidden="1">
            <a:extLst>
              <a:ext uri="{FF2B5EF4-FFF2-40B4-BE49-F238E27FC236}">
                <a16:creationId xmlns:a16="http://schemas.microsoft.com/office/drawing/2014/main" id="{4FDFB3AC-8635-9BA5-4BE2-61C36F35873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164a80e42deb40cdbda05f6da773f796_EndDate" hidden="1">
            <a:extLst>
              <a:ext uri="{FF2B5EF4-FFF2-40B4-BE49-F238E27FC236}">
                <a16:creationId xmlns:a16="http://schemas.microsoft.com/office/drawing/2014/main" id="{EEEFC372-8357-470E-CF1E-5FF0C3D91CF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M_c00a43a0dcee45558d20f456f3fbd4c6_Date" hidden="1">
            <a:extLst>
              <a:ext uri="{FF2B5EF4-FFF2-40B4-BE49-F238E27FC236}">
                <a16:creationId xmlns:a16="http://schemas.microsoft.com/office/drawing/2014/main" id="{CEC9001F-60E1-E7F1-DF01-B8A399231A62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1233795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Sep 6, 2026</a:t>
            </a:r>
          </a:p>
        </p:txBody>
      </p:sp>
      <p:sp>
        <p:nvSpPr>
          <p:cNvPr id="53" name="OTLSHAPE_SLT_031ee41ed0424ccd880ea4a37d0c0665_Duration" hidden="1">
            <a:extLst>
              <a:ext uri="{FF2B5EF4-FFF2-40B4-BE49-F238E27FC236}">
                <a16:creationId xmlns:a16="http://schemas.microsoft.com/office/drawing/2014/main" id="{62671DCD-6C7D-6E14-3D50-5AC58B34CE4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535692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46.4 days</a:t>
            </a:r>
          </a:p>
        </p:txBody>
      </p:sp>
      <p:sp>
        <p:nvSpPr>
          <p:cNvPr id="54" name="OTLSHAPE_SLT_031ee41ed0424ccd880ea4a37d0c0665_TextPercentage" hidden="1">
            <a:extLst>
              <a:ext uri="{FF2B5EF4-FFF2-40B4-BE49-F238E27FC236}">
                <a16:creationId xmlns:a16="http://schemas.microsoft.com/office/drawing/2014/main" id="{DB42F4CC-B4B0-AE77-21AE-1C082148AB4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55" name="OTLSHAPE_SLT_031ee41ed0424ccd880ea4a37d0c0665_StartDate" hidden="1">
            <a:extLst>
              <a:ext uri="{FF2B5EF4-FFF2-40B4-BE49-F238E27FC236}">
                <a16:creationId xmlns:a16="http://schemas.microsoft.com/office/drawing/2014/main" id="{1440102B-C01D-0F00-D460-C675D8591E5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031ee41ed0424ccd880ea4a37d0c0665_EndDate" hidden="1">
            <a:extLst>
              <a:ext uri="{FF2B5EF4-FFF2-40B4-BE49-F238E27FC236}">
                <a16:creationId xmlns:a16="http://schemas.microsoft.com/office/drawing/2014/main" id="{FCFB98AF-3DFB-7EA0-E944-3D7762FEA07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e90d56494d67471690a42039ab1dfbab_Duration" hidden="1">
            <a:extLst>
              <a:ext uri="{FF2B5EF4-FFF2-40B4-BE49-F238E27FC236}">
                <a16:creationId xmlns:a16="http://schemas.microsoft.com/office/drawing/2014/main" id="{67D2AF9B-F7BA-E917-1541-0A0BC3DC8D6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19 days</a:t>
            </a:r>
          </a:p>
        </p:txBody>
      </p:sp>
      <p:sp>
        <p:nvSpPr>
          <p:cNvPr id="62" name="OTLSHAPE_SLT_e90d56494d67471690a42039ab1dfbab_TextPercentage" hidden="1">
            <a:extLst>
              <a:ext uri="{FF2B5EF4-FFF2-40B4-BE49-F238E27FC236}">
                <a16:creationId xmlns:a16="http://schemas.microsoft.com/office/drawing/2014/main" id="{FF51949A-8CE1-3F9B-A790-94AEE407AA2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63" name="OTLSHAPE_SLT_e90d56494d67471690a42039ab1dfbab_StartDate" hidden="1">
            <a:extLst>
              <a:ext uri="{FF2B5EF4-FFF2-40B4-BE49-F238E27FC236}">
                <a16:creationId xmlns:a16="http://schemas.microsoft.com/office/drawing/2014/main" id="{20D0D54D-65D9-94A0-A01C-A31BE1941A26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SLT_e90d56494d67471690a42039ab1dfbab_EndDate" hidden="1">
            <a:extLst>
              <a:ext uri="{FF2B5EF4-FFF2-40B4-BE49-F238E27FC236}">
                <a16:creationId xmlns:a16="http://schemas.microsoft.com/office/drawing/2014/main" id="{F1CE1F24-DFBD-9F9C-9915-71D6975B4870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455" name="OTLSHAPE_SLT_505da92153fe4d04b8dc7b99ac1c1a71_Duration" hidden="1">
            <a:extLst>
              <a:ext uri="{FF2B5EF4-FFF2-40B4-BE49-F238E27FC236}">
                <a16:creationId xmlns:a16="http://schemas.microsoft.com/office/drawing/2014/main" id="{E5E8057E-B2EF-2363-1357-F37FB32CA83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458748"/>
            <a:ext cx="558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76.2 days</a:t>
            </a:r>
          </a:p>
        </p:txBody>
      </p:sp>
      <p:sp>
        <p:nvSpPr>
          <p:cNvPr id="456" name="OTLSHAPE_SLT_505da92153fe4d04b8dc7b99ac1c1a71_TextPercentage" hidden="1">
            <a:extLst>
              <a:ext uri="{FF2B5EF4-FFF2-40B4-BE49-F238E27FC236}">
                <a16:creationId xmlns:a16="http://schemas.microsoft.com/office/drawing/2014/main" id="{4CCF88B4-DA3D-3497-5159-95AFC286401E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458" name="OTLSHAPE_SLT_505da92153fe4d04b8dc7b99ac1c1a71_StartDate" hidden="1">
            <a:extLst>
              <a:ext uri="{FF2B5EF4-FFF2-40B4-BE49-F238E27FC236}">
                <a16:creationId xmlns:a16="http://schemas.microsoft.com/office/drawing/2014/main" id="{030B0833-3CEF-549A-95B8-2245ACDCC94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SLT_505da92153fe4d04b8dc7b99ac1c1a71_EndDate" hidden="1">
            <a:extLst>
              <a:ext uri="{FF2B5EF4-FFF2-40B4-BE49-F238E27FC236}">
                <a16:creationId xmlns:a16="http://schemas.microsoft.com/office/drawing/2014/main" id="{B91CF815-7BBD-F47C-5A23-8A2B73C43BA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SLM_f67fd5c128fa4ae8a8075f5bbc4d4454_Date" hidden="1">
            <a:extLst>
              <a:ext uri="{FF2B5EF4-FFF2-40B4-BE49-F238E27FC236}">
                <a16:creationId xmlns:a16="http://schemas.microsoft.com/office/drawing/2014/main" id="{512E1B4F-C455-9D71-BD87-17B937E7621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1387683"/>
            <a:ext cx="0" cy="15388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17, 2025</a:t>
            </a:r>
          </a:p>
        </p:txBody>
      </p:sp>
      <p:sp>
        <p:nvSpPr>
          <p:cNvPr id="464" name="OTLSHAPE_SLM_31182e9b471c42e8895ee1d4b621afaa_Date" hidden="1">
            <a:extLst>
              <a:ext uri="{FF2B5EF4-FFF2-40B4-BE49-F238E27FC236}">
                <a16:creationId xmlns:a16="http://schemas.microsoft.com/office/drawing/2014/main" id="{71A3E97A-B3B3-B8EF-0A2D-CBF64195941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1387683"/>
            <a:ext cx="0" cy="15388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30, 2025</a:t>
            </a:r>
          </a:p>
        </p:txBody>
      </p:sp>
      <p:sp>
        <p:nvSpPr>
          <p:cNvPr id="465" name="OTLSHAPE_SLM_9a0c75f529204a86b86c7fd242115398_Date" hidden="1">
            <a:extLst>
              <a:ext uri="{FF2B5EF4-FFF2-40B4-BE49-F238E27FC236}">
                <a16:creationId xmlns:a16="http://schemas.microsoft.com/office/drawing/2014/main" id="{3B9E5F57-1DF5-1CBE-A86D-BF83B0BD9EE1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1233795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6, 2025</a:t>
            </a:r>
          </a:p>
        </p:txBody>
      </p:sp>
      <p:sp>
        <p:nvSpPr>
          <p:cNvPr id="466" name="OTLSHAPE_SLM_633f00c2d4134ec99256695e09c319c7_Date" hidden="1">
            <a:extLst>
              <a:ext uri="{FF2B5EF4-FFF2-40B4-BE49-F238E27FC236}">
                <a16:creationId xmlns:a16="http://schemas.microsoft.com/office/drawing/2014/main" id="{9BE4C808-981D-60EF-7BE0-3C58CE72A186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1233795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Sep 8, 2025</a:t>
            </a:r>
          </a:p>
        </p:txBody>
      </p:sp>
      <p:sp>
        <p:nvSpPr>
          <p:cNvPr id="468" name="OTLSHAPE_SLT_9650b9d41de54f0194faa96cae73d9ac_Duration" hidden="1">
            <a:extLst>
              <a:ext uri="{FF2B5EF4-FFF2-40B4-BE49-F238E27FC236}">
                <a16:creationId xmlns:a16="http://schemas.microsoft.com/office/drawing/2014/main" id="{11A7D9E7-4F81-4FB4-26A9-646D65C98CAB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5 days</a:t>
            </a:r>
          </a:p>
        </p:txBody>
      </p:sp>
      <p:sp>
        <p:nvSpPr>
          <p:cNvPr id="469" name="OTLSHAPE_SLT_9650b9d41de54f0194faa96cae73d9ac_TextPercentage" hidden="1">
            <a:extLst>
              <a:ext uri="{FF2B5EF4-FFF2-40B4-BE49-F238E27FC236}">
                <a16:creationId xmlns:a16="http://schemas.microsoft.com/office/drawing/2014/main" id="{62FE2A45-26DF-561F-BF07-303592492C29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470" name="OTLSHAPE_SLT_9650b9d41de54f0194faa96cae73d9ac_StartDate" hidden="1">
            <a:extLst>
              <a:ext uri="{FF2B5EF4-FFF2-40B4-BE49-F238E27FC236}">
                <a16:creationId xmlns:a16="http://schemas.microsoft.com/office/drawing/2014/main" id="{5B7F5F51-BE58-2867-607E-FC5D91AB50A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471" name="OTLSHAPE_SLT_9650b9d41de54f0194faa96cae73d9ac_EndDate" hidden="1">
            <a:extLst>
              <a:ext uri="{FF2B5EF4-FFF2-40B4-BE49-F238E27FC236}">
                <a16:creationId xmlns:a16="http://schemas.microsoft.com/office/drawing/2014/main" id="{4823A89E-A068-A84B-47D7-9D0B7AF8870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35748A23-B7C9-451F-8801-7B48AE8F596A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2133657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ED11747D-C4BF-46DB-9CAA-4CB70D89B755}"/>
              </a:ext>
            </a:extLst>
          </p:cNvPr>
          <p:cNvCxnSpPr/>
          <p:nvPr>
            <p:custDataLst>
              <p:tags r:id="rId155"/>
            </p:custDataLst>
          </p:nvPr>
        </p:nvCxnSpPr>
        <p:spPr>
          <a:xfrm>
            <a:off x="2965648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BC9ADDC8-5D1B-4F96-B78B-8A59952D1D23}"/>
              </a:ext>
            </a:extLst>
          </p:cNvPr>
          <p:cNvCxnSpPr/>
          <p:nvPr>
            <p:custDataLst>
              <p:tags r:id="rId156"/>
            </p:custDataLst>
          </p:nvPr>
        </p:nvCxnSpPr>
        <p:spPr>
          <a:xfrm>
            <a:off x="3806783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734F5490-299B-429E-9671-6C604ECDFE5F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4647917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5">
            <a:extLst>
              <a:ext uri="{FF2B5EF4-FFF2-40B4-BE49-F238E27FC236}">
                <a16:creationId xmlns:a16="http://schemas.microsoft.com/office/drawing/2014/main" id="{0C5FBBC0-DB72-4D45-898F-2C3143CFB2C3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5470766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50388821-A5A8-4AC8-B423-9C731B3A6855}"/>
              </a:ext>
            </a:extLst>
          </p:cNvPr>
          <p:cNvCxnSpPr/>
          <p:nvPr>
            <p:custDataLst>
              <p:tags r:id="rId159"/>
            </p:custDataLst>
          </p:nvPr>
        </p:nvCxnSpPr>
        <p:spPr>
          <a:xfrm>
            <a:off x="6302757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7">
            <a:extLst>
              <a:ext uri="{FF2B5EF4-FFF2-40B4-BE49-F238E27FC236}">
                <a16:creationId xmlns:a16="http://schemas.microsoft.com/office/drawing/2014/main" id="{E1E75438-487B-4864-BA0D-B505C4EFBED9}"/>
              </a:ext>
            </a:extLst>
          </p:cNvPr>
          <p:cNvCxnSpPr/>
          <p:nvPr>
            <p:custDataLst>
              <p:tags r:id="rId160"/>
            </p:custDataLst>
          </p:nvPr>
        </p:nvCxnSpPr>
        <p:spPr>
          <a:xfrm>
            <a:off x="7143892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8">
            <a:extLst>
              <a:ext uri="{FF2B5EF4-FFF2-40B4-BE49-F238E27FC236}">
                <a16:creationId xmlns:a16="http://schemas.microsoft.com/office/drawing/2014/main" id="{584BD544-BEE0-42D5-97A1-AFAFD7169B17}"/>
              </a:ext>
            </a:extLst>
          </p:cNvPr>
          <p:cNvCxnSpPr/>
          <p:nvPr>
            <p:custDataLst>
              <p:tags r:id="rId161"/>
            </p:custDataLst>
          </p:nvPr>
        </p:nvCxnSpPr>
        <p:spPr>
          <a:xfrm>
            <a:off x="7985026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9">
            <a:extLst>
              <a:ext uri="{FF2B5EF4-FFF2-40B4-BE49-F238E27FC236}">
                <a16:creationId xmlns:a16="http://schemas.microsoft.com/office/drawing/2014/main" id="{CDA43ED6-85B2-4764-A463-43F5B09D0FF1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8807875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10">
            <a:extLst>
              <a:ext uri="{FF2B5EF4-FFF2-40B4-BE49-F238E27FC236}">
                <a16:creationId xmlns:a16="http://schemas.microsoft.com/office/drawing/2014/main" id="{92139BD0-008E-46C9-9E10-9DBD520F1F96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9639866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11">
            <a:extLst>
              <a:ext uri="{FF2B5EF4-FFF2-40B4-BE49-F238E27FC236}">
                <a16:creationId xmlns:a16="http://schemas.microsoft.com/office/drawing/2014/main" id="{2465AEB3-6F69-4B8A-8A9B-1B9DA7F08E8D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10481001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6" name="TextBox 165">
            <a:extLst>
              <a:ext uri="{FF2B5EF4-FFF2-40B4-BE49-F238E27FC236}">
                <a16:creationId xmlns:a16="http://schemas.microsoft.com/office/drawing/2014/main" id="{A41BFA92-F3CD-4A2D-9990-099ABE275ADF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301665" y="337819"/>
            <a:ext cx="623363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Geographical Swimlane Diagram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196" name="TextBox 195">
            <a:extLst>
              <a:ext uri="{FF2B5EF4-FFF2-40B4-BE49-F238E27FC236}">
                <a16:creationId xmlns:a16="http://schemas.microsoft.com/office/drawing/2014/main" id="{C14CB258-F23D-4743-A881-C1D0DA1CDB1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301665" y="878955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Global Initiatives Timeline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77139315-7848-4470-8C78-C0CFA721D70F}"/>
              </a:ext>
            </a:extLst>
          </p:cNvPr>
          <p:cNvGrpSpPr/>
          <p:nvPr/>
        </p:nvGrpSpPr>
        <p:grpSpPr>
          <a:xfrm>
            <a:off x="11407607" y="5413645"/>
            <a:ext cx="274320" cy="274320"/>
            <a:chOff x="11742217" y="5361284"/>
            <a:chExt cx="274320" cy="274320"/>
          </a:xfrm>
        </p:grpSpPr>
        <p:pic>
          <p:nvPicPr>
            <p:cNvPr id="27" name="Graphic 26">
              <a:extLst>
                <a:ext uri="{FF2B5EF4-FFF2-40B4-BE49-F238E27FC236}">
                  <a16:creationId xmlns:a16="http://schemas.microsoft.com/office/drawing/2014/main" id="{9AF3B933-E910-443A-AD5C-867A1B883B84}"/>
                </a:ext>
              </a:extLst>
            </p:cNvPr>
            <p:cNvPicPr>
              <a:picLocks noChangeAspect="1"/>
            </p:cNvPicPr>
            <p:nvPr/>
          </p:nvPicPr>
          <p:blipFill>
            <a:blip r:embed="rId16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9"/>
                </a:ext>
              </a:extLst>
            </a:blip>
            <a:stretch>
              <a:fillRect/>
            </a:stretch>
          </p:blipFill>
          <p:spPr>
            <a:xfrm>
              <a:off x="11742217" y="5361284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162" name="Oval 161">
              <a:extLst>
                <a:ext uri="{FF2B5EF4-FFF2-40B4-BE49-F238E27FC236}">
                  <a16:creationId xmlns:a16="http://schemas.microsoft.com/office/drawing/2014/main" id="{67CCF400-55E7-4BC4-A210-12F7FB229940}"/>
                </a:ext>
              </a:extLst>
            </p:cNvPr>
            <p:cNvSpPr/>
            <p:nvPr/>
          </p:nvSpPr>
          <p:spPr>
            <a:xfrm>
              <a:off x="11742217" y="5361284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39CB42BD-7805-4DD2-BDEF-5E7CB44E7F74}"/>
              </a:ext>
            </a:extLst>
          </p:cNvPr>
          <p:cNvGrpSpPr/>
          <p:nvPr/>
        </p:nvGrpSpPr>
        <p:grpSpPr>
          <a:xfrm>
            <a:off x="11407607" y="4651587"/>
            <a:ext cx="274320" cy="274320"/>
            <a:chOff x="11736792" y="4639204"/>
            <a:chExt cx="274320" cy="274320"/>
          </a:xfrm>
        </p:grpSpPr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28A5867-DBE5-493C-9248-CF1C338B8FAE}"/>
                </a:ext>
              </a:extLst>
            </p:cNvPr>
            <p:cNvPicPr>
              <a:picLocks noChangeAspect="1"/>
            </p:cNvPicPr>
            <p:nvPr/>
          </p:nvPicPr>
          <p:blipFill>
            <a:blip r:embed="rId17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1"/>
                </a:ext>
              </a:extLst>
            </a:blip>
            <a:stretch>
              <a:fillRect/>
            </a:stretch>
          </p:blipFill>
          <p:spPr>
            <a:xfrm>
              <a:off x="11736792" y="4639204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5" name="Oval 214">
              <a:extLst>
                <a:ext uri="{FF2B5EF4-FFF2-40B4-BE49-F238E27FC236}">
                  <a16:creationId xmlns:a16="http://schemas.microsoft.com/office/drawing/2014/main" id="{C8F0246E-4206-40E1-BB42-3364B4926338}"/>
                </a:ext>
              </a:extLst>
            </p:cNvPr>
            <p:cNvSpPr/>
            <p:nvPr/>
          </p:nvSpPr>
          <p:spPr>
            <a:xfrm>
              <a:off x="11736792" y="4639204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B299C2D7-6024-46CC-9A74-F29BCC439A1C}"/>
              </a:ext>
            </a:extLst>
          </p:cNvPr>
          <p:cNvGrpSpPr/>
          <p:nvPr/>
        </p:nvGrpSpPr>
        <p:grpSpPr>
          <a:xfrm>
            <a:off x="11407607" y="3982682"/>
            <a:ext cx="274320" cy="274321"/>
            <a:chOff x="11736792" y="3917124"/>
            <a:chExt cx="274320" cy="274321"/>
          </a:xfrm>
        </p:grpSpPr>
        <p:pic>
          <p:nvPicPr>
            <p:cNvPr id="167" name="Graphic 166">
              <a:extLst>
                <a:ext uri="{FF2B5EF4-FFF2-40B4-BE49-F238E27FC236}">
                  <a16:creationId xmlns:a16="http://schemas.microsoft.com/office/drawing/2014/main" id="{79F33F21-AB66-4C65-AAA1-C3D8471CB927}"/>
                </a:ext>
              </a:extLst>
            </p:cNvPr>
            <p:cNvPicPr>
              <a:picLocks noChangeAspect="1"/>
            </p:cNvPicPr>
            <p:nvPr/>
          </p:nvPicPr>
          <p:blipFill>
            <a:blip r:embed="rId17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3"/>
                </a:ext>
              </a:extLst>
            </a:blip>
            <a:stretch>
              <a:fillRect/>
            </a:stretch>
          </p:blipFill>
          <p:spPr>
            <a:xfrm>
              <a:off x="11736792" y="3917125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6" name="Oval 215">
              <a:extLst>
                <a:ext uri="{FF2B5EF4-FFF2-40B4-BE49-F238E27FC236}">
                  <a16:creationId xmlns:a16="http://schemas.microsoft.com/office/drawing/2014/main" id="{45E8412A-FC5A-4029-AF50-33CA66F5EA6A}"/>
                </a:ext>
              </a:extLst>
            </p:cNvPr>
            <p:cNvSpPr/>
            <p:nvPr/>
          </p:nvSpPr>
          <p:spPr>
            <a:xfrm>
              <a:off x="11736792" y="3917124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63" name="Group 162">
            <a:extLst>
              <a:ext uri="{FF2B5EF4-FFF2-40B4-BE49-F238E27FC236}">
                <a16:creationId xmlns:a16="http://schemas.microsoft.com/office/drawing/2014/main" id="{505D1850-145B-467E-80D2-FE64866E65E0}"/>
              </a:ext>
            </a:extLst>
          </p:cNvPr>
          <p:cNvGrpSpPr/>
          <p:nvPr/>
        </p:nvGrpSpPr>
        <p:grpSpPr>
          <a:xfrm>
            <a:off x="11407607" y="3315695"/>
            <a:ext cx="274320" cy="274320"/>
            <a:chOff x="11736792" y="3272557"/>
            <a:chExt cx="274320" cy="274320"/>
          </a:xfrm>
        </p:grpSpPr>
        <p:pic>
          <p:nvPicPr>
            <p:cNvPr id="165" name="Graphic 164">
              <a:extLst>
                <a:ext uri="{FF2B5EF4-FFF2-40B4-BE49-F238E27FC236}">
                  <a16:creationId xmlns:a16="http://schemas.microsoft.com/office/drawing/2014/main" id="{29BE9B04-3ACC-4336-AA20-90F7C4697CD8}"/>
                </a:ext>
              </a:extLst>
            </p:cNvPr>
            <p:cNvPicPr>
              <a:picLocks noChangeAspect="1"/>
            </p:cNvPicPr>
            <p:nvPr/>
          </p:nvPicPr>
          <p:blipFill>
            <a:blip r:embed="rId17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5"/>
                </a:ext>
              </a:extLst>
            </a:blip>
            <a:stretch>
              <a:fillRect/>
            </a:stretch>
          </p:blipFill>
          <p:spPr>
            <a:xfrm>
              <a:off x="11736792" y="3272557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7" name="Oval 216">
              <a:extLst>
                <a:ext uri="{FF2B5EF4-FFF2-40B4-BE49-F238E27FC236}">
                  <a16:creationId xmlns:a16="http://schemas.microsoft.com/office/drawing/2014/main" id="{AADBE457-0D54-4A04-9ADA-66872776CE62}"/>
                </a:ext>
              </a:extLst>
            </p:cNvPr>
            <p:cNvSpPr/>
            <p:nvPr/>
          </p:nvSpPr>
          <p:spPr>
            <a:xfrm>
              <a:off x="11736792" y="3272557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68" name="Group 167">
            <a:extLst>
              <a:ext uri="{FF2B5EF4-FFF2-40B4-BE49-F238E27FC236}">
                <a16:creationId xmlns:a16="http://schemas.microsoft.com/office/drawing/2014/main" id="{4C4E13BA-0D4C-423B-9083-7454F00716A5}"/>
              </a:ext>
            </a:extLst>
          </p:cNvPr>
          <p:cNvGrpSpPr/>
          <p:nvPr/>
        </p:nvGrpSpPr>
        <p:grpSpPr>
          <a:xfrm>
            <a:off x="11407607" y="2640373"/>
            <a:ext cx="274320" cy="274320"/>
            <a:chOff x="11736792" y="2627990"/>
            <a:chExt cx="274320" cy="279971"/>
          </a:xfrm>
        </p:grpSpPr>
        <p:pic>
          <p:nvPicPr>
            <p:cNvPr id="164" name="Graphic 163">
              <a:extLst>
                <a:ext uri="{FF2B5EF4-FFF2-40B4-BE49-F238E27FC236}">
                  <a16:creationId xmlns:a16="http://schemas.microsoft.com/office/drawing/2014/main" id="{60DAEDC3-555A-4CCE-9429-F64A3EAB0FC4}"/>
                </a:ext>
              </a:extLst>
            </p:cNvPr>
            <p:cNvPicPr>
              <a:picLocks noChangeAspect="1"/>
            </p:cNvPicPr>
            <p:nvPr/>
          </p:nvPicPr>
          <p:blipFill>
            <a:blip r:embed="rId17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7"/>
                </a:ext>
              </a:extLst>
            </a:blip>
            <a:stretch>
              <a:fillRect/>
            </a:stretch>
          </p:blipFill>
          <p:spPr>
            <a:xfrm>
              <a:off x="11736792" y="2627990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8" name="Oval 217">
              <a:extLst>
                <a:ext uri="{FF2B5EF4-FFF2-40B4-BE49-F238E27FC236}">
                  <a16:creationId xmlns:a16="http://schemas.microsoft.com/office/drawing/2014/main" id="{2B45F230-1F56-471D-B549-D1E6A51E9CF7}"/>
                </a:ext>
              </a:extLst>
            </p:cNvPr>
            <p:cNvSpPr/>
            <p:nvPr/>
          </p:nvSpPr>
          <p:spPr>
            <a:xfrm>
              <a:off x="11736792" y="2633641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1524441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2OTJkMDNlYi00Y2MyLTRhMTQtODljMy02NTY5ODliMzk4MWQiLCJJbmRleCI6MSwiR3JvdXBJZCI6bnVsbCwiVGl0bGUiOiJQdWJsaXNoIGRhdGEiLCJEYXRlVGltZSI6IjIwMjUtMDQtMzBUMjM6NTk6MDAiLCJQZXJjZW50YWdlQ29tcGxldGUiOjE1LjAsIk5vdGUiOm51bGwsIlN0eWxlIjp7IiRpZCI6IjYiLCJUaXRsZVBvc2l0aW9uIjoiTGVmdCIsIkRhdGVQb3NpdGlvbiI6IlJpZ2h0IiwiU2hhcGVUeXBlIjoxNywiU2hhcGVTaXplIjowLCJTcGFjaW5nIjo1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iLCJUb3AiOjAuMCwiTGVmdCI6MC4wLCJSaWdodCI6MC4wLCJCb3R0b20iOjAuMH0sIlBhZGRpbmciOnsiJGlkIjoiMjciLCJUb3AiOjAuMCwiTGVmdCI6MC4wLCJSaWdodCI6MC4wLCJCb3R0b20iOjAuMH0sIkJhY2tncm91bmQiOnsiJGlkIjoiMjgiLCJDb2xvciI6eyIkaWQiOiIyOSIsIkEiOjAsIlIiOjI1NSwiRyI6MjU1LCJCIjoyNTV9fSwiSXNWaXNpYmxlIjp0cnVlLCJXaWR0aCI6MC4wLCJIZWlnaHQiOjAuMCwiQm9yZGVyU3R5bGUiOnsiJGlkIjoiMzAiLCJMaW5lQ29sb3IiOm51bGwsIkxpbmVXZWlnaHQiOjAuMCwiTGluZVR5cGUiOjAsIlBhcmVudFN0eWxlIjpudWxsfSwiUGFyZW50U3R5bGUiOm51bGx9LCJEYXRlRm9ybWF0Ijp7IiRpZCI6IjM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IiLCJEYXRlUGFydElzVmlzaWJsZSI6dHJ1ZSwiVGltZVBhcnRJc1Zpc2libGUiOmZhbHNlfX0sIldlZWtOdW1iZXJpbmciOnsiJGlkIjoiMzM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NjEiLCJNYXJnaW4iOnsiJGlkIjoiNjIiLCJUb3AiOjAuMCwiTGVmdCI6NC4wLCJSaWdodCI6NC4wLCJCb3R0b20iOjAuMH0sIlBhZGRpbmciOnsiJGlkIjoiNjMiLCJUb3AiOjAuMCwiTGVmdCI6MC4wLCJSaWdodCI6MC4wLCJCb3R0b20iOjAuMH0sIkJhY2tncm91bmQiOnsiJGlkIjoiNjQiLCJDb2xvciI6eyIkaWQiOiI2NSIsIkEiOjI1NSwiUiI6MjUyLCJHIjoyMTIsIkIiOjcxfX0sIklzVmlzaWJsZSI6dHJ1ZSwiV2lkdGgiOjAuMCwiSGVpZ2h0IjoxNC42NDk5OTk2MTg1MzAyNzM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AsIkZvbnROYW1lIjoiQ2FsaWJyaSIsIklzQm9sZCI6dHJ1ZSwiSXNJdGFsaWMiOmZhbHNlLCJJc1VuZGVybGluZWQiOmZhbHNlLCJQYXJlbnRTdHlsZSI6bnVsbH0sIkF1dG9TaXplIjoyLCJGb3JlZ3JvdW5kIjp7IiRpZCI6IjcxIiwiQ29sb3IiOnsiJGlkIjoiNzIiLCJBIjoyNTUsIlIiOjAsIkciOjAsIkIiOjB9fSwiTWF4V2lkdGgiOjYxLjU1MzMzMzMzMzMzMzMzNSwiTWF4SGVpZ2h0IjoiSW5maW5pdHkiLCJTbWFydEZvcmVncm91bmRJc0FjdGl2ZSI6ZmFsc2UsIkhvcml6b250YWxBbGlnbm1lbnQiOjE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m51bGwsIklzVmlzaWJsZSI6dHJ1ZSwiV2lkdGgiOjAuMCwiSGVpZ2h0IjowLjAsIkJvcmRlclN0eWxlIjpudWxsLCJQYXJlbnRTdHlsZSI6bnVsbH0sIlJlY3RhbmdsZVN0eWxlIjp7IiRpZCI6Ijk5IiwiTWFyZ2luIjp7IiRpZCI6IjEwMCIsIlRvcCI6MC4wLCJMZWZ0IjowLjAsIlJpZ2h0IjowLjAsIkJvdHRvbSI6MC4wfSwiUGFkZGluZyI6eyIkaWQiOiIxMDEiLCJUb3AiOjAuMCwiTGVmdCI6MC4wLCJSaWdodCI6MC4wLCJCb3R0b20iOjAuMH0sIkJhY2tncm91bmQiOnsiJGlkIjoiMTAyIiwiQ29sb3IiOnsiJGlkIjoiMTAzIiwiQSI6NjMsIlIiOjI1MiwiRyI6MjEyLCJCIjo3MX19LCJJc1Zpc2libGUiOnRydWUsIldpZHRoIjowLjAsIkhlaWdodCI6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IiwiRm9ybWF0IjowLCJJc1Zpc2libGUiOmZhbHNlLCJMYXN0S25vd25WaXNpYmlsaXR5U3RhdGUiOmZhbHNlfSwiSXNWaXNpYmxlIjp0cnVlLCJQYXJlbnRTdHlsZSI6bnVsbCwiX2V4cGxpY2l0bHlTZXQiOnsiJGlkIjoiMTk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ODksIlIiOjAsIkciOjAsIkIiOjB9fSwiSXNWaXNpYmxlIjp0cnVlLCJXaWR0aCI6MC4wLCJIZWlnaHQiOjAuMCwiQm9yZGVyU3R5bGUiOnsiJGlkIjoiMjIxIiwiTGluZUNvbG9yIjpudWxsLCJMaW5lV2VpZ2h0IjowLjAsIkxpbmVUeXBlIjowLCJQYXJlbnRTdHlsZSI6bnVsbH0sIlBhcmVudFN0eWxlIjpudWxsfSwiRGF0ZV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nsiJGlkIjoiMjI4IiwiQ29sb3IiOnsiJHJlZiI6IjIyMCJ9fSwiSXNWaXNpYmxlIjp0cnVlLCJXaWR0aCI6MC4wLCJIZWlnaHQiOjAuMCwiQm9yZGVyU3R5bGUiOnsiJGlkIjoiMjI5IiwiTGluZUNvbG9yIjpudWxsLCJMaW5lV2VpZ2h0IjowLjAsIkxpbmVUeXBlIjowLCJQYXJlbnRTdHlsZSI6bnVsbH0sIlBhcmVudFN0eWxlIjpudWxsfSwiRGF0ZUZvcm1hdCI6eyIkaWQiOiIyMz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m51bGw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YzLCJSIjoyNTIsIkciOjIxMiwiQiI6NzF9fSwiSXNWaXNpYmxlIjp0cnVlLCJXaWR0aCI6MC4wLCJIZWlnaHQiOjAuMCwiQm9yZGVyU3R5bGUiOnsiJGlkIjoiMjc2IiwiTGluZUNvbG9yIjp7IiRpZCI6IjI3NyIsIiR0eXBlIjoiTkxSRS5Db21tb24uRG9tLlNvbGlkQ29sb3JCcnVzaCwgTkxSRS5Db21tb24iLCJDb2xvciI6eyIkaWQiOiIyNzgiLCJBIjoyNTUsIlIiOjI1NSwiRyI6MCwiQiI6MH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TAiLCJUb3AiOjAuMCwiTGVmdCI6MC4wLCJSaWdodCI6MC4wLCJCb3R0b20iOjAuMH0sIlBhZGRpbmciOnsiJGlkIjoiMzExIiwiVG9wIjowLjAsIkxlZnQiOjAuMCwiUmlnaHQiOjAuMCwiQm90dG9tIjowLjB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udWxsfSwiRGF0ZVN0eWxlIjp7IiRpZCI6IjMxNSIsIkZvbnRTZXR0aW5ncyI6eyIkaWQiOiIzMTYiLCJGb250U2l6ZSI6MTAsIkZvbnROYW1lIjoiQ2FsaWJyaSIsIklzQm9sZCI6ZmFsc2UsIklzSXRhbGljIjpmYWxzZSwiSXNVbmRlcmxpbmVkIjpmYWxzZSwiUGFyZW50U3R5bGUiOm51bGx9LCJBdXRvU2l6ZSI6MCwiRm9yZWdyb3VuZCI6eyIkaWQiOiIzMTciLCJDb2xvciI6eyIkaWQiOiIzM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yNSIsIkRhdGVQYXJ0SXNWaXNpYmxlIjp0cnVlLCJUaW1lUGFydElzVmlzaWJsZSI6ZmFsc2V9fSwiV2Vla051bWJlcmluZyI6eyIkaWQiOiIzMjY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MjciLCJfdGFza3MiOlt7IiRpZCI6IjMyOCIsIl9hdHRhY2hlZE1pbGVzdG9uZXMiOltdLCJUYXNrRGVmaW5pdGlvbiI6eyIkaWQiOiIzMjkiLCJHcm91cE5hbWUiOm51bGwsIlN0YXJ0RGF0ZSI6IjIwMjQtMDctMDNUMDA6MDA6MDBaIiwiRW5kRGF0ZSI6IjIwMjUtMDctMDFUMDI6NTc6MDBaIiwiUGVyY2VudGFnZUNvbXBsZXRlIjoyMC4wLCJTdHlsZSI6eyIkaWQiOiIzMzAiLCJTaGFwZSI6NCwiU2hhcGVUaGlja25lc3MiOjMsIkR1cmF0aW9uRm9ybWF0IjowLCJJbmNsdWRlTm9uV29ya2luZ0RheXNJbkR1cmF0aW9uIjpmYWxzZSwiUGVyY2VudGFnZUNvbXBsZ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MTAsIkZvbnROYW1lIjoiQ2FsaWJyaSIsIklzQm9sZCI6ZmFsc2UsIklzSXRhbGljIjpmYWxzZSwiSXNVbmRlcmxpbmVkIjpmYWxzZSwiUGFyZW50U3R5bGUiOm51bGx9LCJBdXRvU2l6ZSI6MCwiRm9yZWdyb3VuZCI6eyIkaWQiOiIzNzMiLCJDb2xvciI6eyIkaWQiOiIzNzQ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AiLCJGb3JtYXQiOjAsIklzVmlzaWJsZSI6ZmFsc2UsIkxhc3RLbm93blZpc2liaWxpdHlTdGF0ZSI6ZmFsc2V9LCJJc1Zpc2libGUiOnRydWUsIlBhcmVudFN0eWxlIjpudWxsLCJfZXhwbGljaXRseVNldCI6eyIkaWQiOiI0O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yZWYiOiI1MTMifX0sIklzVmlzaWJsZSI6dHJ1ZSwiV2lkdGgiOjAuMCwiSGVpZ2h0IjowLjAsIkJvcmRlclN0eWxlIjp7IiRpZCI6IjUyMiIsIkxpbmVDb2xvciI6bnVsbCwiTGluZVdlaWdodCI6MC4wLCJMaW5lVHlwZSI6MCwiUGFyZW50U3R5bGUiOm51bGx9LCJQYXJlbnRTdHlsZSI6bnVsbH0sIkRhdGVGb3JtYXQiOnsiJGlkIjoiNTI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m51bGwsIklzVmlzaWJsZSI6dHJ1ZSwiV2lkdGgiOjAuMCwiSGVpZ2h0IjowLjAsIkJvcmRlclN0eWxlIjpudWxsLCJQYXJlbnRTdHlsZSI6bnVsbH0sIlJlY3RhbmdsZVN0eWxlIjp7IiRpZCI6IjU2NCIsIk1hcmdpbiI6eyIkaWQiOiI1NjUiLCJUb3AiOjAuMCwiTGVmdCI6MC4wLCJSaWdodCI6MC4wLCJCb3R0b20iOjAuMH0sIlBhZGRpbmciOnsiJGlkIjoiNTY2IiwiVG9wIjowLjAsIkxlZnQiOjAuMCwiUmlnaHQiOjAuMCwiQm90dG9tIjowLjB9LCJCYWNrZ3JvdW5kIjp7IiRpZCI6IjU2NyIsIkNvbG9yIjp7IiRpZCI6IjU2OCIsIkEiOjYzLCJSIjoyMzcsIkciOjM0LCJCIjozNn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GlkIjoiNjEyIiwiQ29sb3IiOnsiJGlkIjoiNjEzIiwiQSI6MCwiUiI6MjU1LCJHIjoyNTUsIkIiOjI1NX19LCJJc1Zpc2libGUiOnRydWUsIldpZHRoIjowLjAsIkhlaWdodCI6MC4wLCJCb3JkZXJTdHlsZSI6eyIkaWQiOiI2MTQiLCJMaW5lQ29sb3IiOm51bGwsIkxpbmVXZWlnaHQiOjAuMCwiTGluZVR5cGUiOjAsIlBhcmVudFN0eWxlIjpudWxsfSwiUGFyZW50U3R5bGUiOm51bGx9LCJEYXRlRm9ybWF0Ijp7IiRpZCI6IjYx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2NzQiLCJNYXJnaW4iOnsiJGlkIjoiNjc1IiwiVG9wIjowLjAsIkxlZnQiOjQuMCwiUmlnaHQiOjQuMCwiQm90dG9tIjowLjB9LCJQYWRkaW5nIjp7IiRpZCI6IjY3NiIsIlRvcCI6MC4wLCJMZWZ0IjowLjAsIlJpZ2h0IjowLjAsIkJvdHRvbSI6MC4wfSwiQmFja2dyb3VuZCI6eyIkaWQiOiI2NzciLCJDb2xvciI6eyIkaWQiOiI2NzgiLCJBIjoyNTUsIlIiOjAsIkciOjUyLCJCIjoxMjB9fSwiSXNWaXNpYmxlIjp0cnVlLCJXaWR0aCI6MC4wLCJIZWlnaHQiOjE0LjY0OTk5OTYxODUzMDI3My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GlkIjoiODA2IiwiQ29sb3IiOnsiJGlkIjoiODA3IiwiQSI6MCwiUiI6MjU1LCJHIjoyNTUsIkIiOjI1NX19LCJJc1Zpc2libGUiOnRydWUsIldpZHRoIjowLjAsIkhlaWdodCI6MC4wLCJCb3JkZXJTdHlsZSI6eyIkaWQiOiI4MDgiLCJMaW5lQ29sb3IiOm51bGwsIkxpbmVXZWlnaHQiOjAuMCwiTGluZVR5cGUiOjAsIlBhcmVudFN0eWxlIjpudWxsfSwiUGFyZW50U3R5bGUiOm51bGx9LCJEYXRlRm9ybWF0Ijp7IiRpZCI6Ijgw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AiLCJGb3JtYXQiOjAsIklzVmlzaWJsZSI6ZmFsc2UsIkxhc3RLbm93blZpc2liaWxpdHlTdGF0ZSI6ZmFsc2V9LCJJc1Zpc2libGUiOnRydWUsIlBhcmVudFN0eWxlIjpudWxsLCJfZXhwbGljaXRseVNldCI6eyIkaWQiOiI4M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MCIsIlRvcCI6MC4wLCJMZWZ0IjowLjAsIlJpZ2h0IjowLjAsIkJvdHRvbSI6MC4wfSwiUGFkZGluZyI6eyIkaWQiOiI4MzEiLCJUb3AiOjAuMCwiTGVmdCI6MC4wLCJSaWdodCI6MC4wLCJCb3R0b20iOjAuMH0sIkJhY2tncm91bmQiOnsiJGlkIjoiODMyIiwiQ29sb3IiOnsiJGlkIjoiODMzIiwiQSI6ODksIlIiOjAsIkciOjAsIkIiOjB9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MTAsIkZvbnROYW1lIjoiQ2FsaWJyaSIsIklzQm9sZCI6ZmFsc2UsIklzSXRhbGljIjpmYWxzZSwiSXNVbmRlcmxpbmVkIjpmYWxzZSwiUGFyZW50U3R5bGUiOm51bGx9LCJBdXRvU2l6ZSI6MCwiRm9yZWdyb3VuZCI6eyIkaWQiOiI4MzciLCJDb2xvciI6eyIkaWQiOiI4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HJlZiI6IjgzMyJ9fSwiSXNWaXNpYmxlIjp0cnVlLCJXaWR0aCI6MC4wLCJIZWlnaHQiOjAuMCwiQm9yZGVyU3R5bGUiOnsiJGlkIjoiODQyIiwiTGluZUNvbG9yIjpudWxsLCJMaW5lV2VpZ2h0IjowLjAsIkxpbmVUeXBlIjowLCJQYXJlbnRTdHlsZSI6bnVsbH0sIlBhcmVudFN0eWxlIjpudWxsfSwiRGF0ZUZvcm1hdCI6eyIkaWQiOiI4ND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ODIiLCJUb3AiOjAuMCwiTGVmdCI6MC4wLCJSaWdodCI6MC4wLCJCb3R0b20iOjAuMH0sIlBhZGRpbmciOnsiJGlkIjoiODgzIiwiVG9wIjowLjAsIkxlZnQiOjAuMCwiUmlnaHQiOjAuMCwiQm90dG9tIjowLjB9LCJCYWNrZ3JvdW5kIjpudWxsLCJJc1Zpc2libGUiOnRydWUsIldpZHRoIjowLjAsIkhlaWdodCI6MC4wLCJCb3JkZXJTdHlsZSI6bnVsbCwiUGFyZW50U3R5bGUiOm51bGx9LCJSZWN0YW5nbGV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AiLCJGb3JtYXQiOjAsIklzVmlzaWJsZSI6ZmFsc2UsIkxhc3RLbm93blZpc2liaWxpdHlTdGF0ZSI6ZmFsc2V9LCJJc1Zpc2libGUiOnRydWUsIlBhcmVudFN0eWxlIjpudWxsLCJfZXhwbGljaXRseVNldCI6eyIkaWQiOiIxMTM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U5IiwiVG9wIjowLjAsIkxlZnQiOjAuMCwiUmlnaHQiOjAuMCwiQm90dG9tIjowLjB9LCJQYWRkaW5nIjp7IiRpZCI6IjExNjAiLCJUb3AiOjAuMCwiTGVmdCI6MC4wLCJSaWdodCI6MC4wLCJCb3R0b20iOjAuMH0sIkJhY2tncm91bmQiOnsiJGlkIjoiMTE2MSIsIkNvbG9yIjp7IiRyZWYiOiIxMTUzIn19LCJJc1Zpc2libGUiOnRydWUsIldpZHRoIjowLjAsIkhlaWdodCI6MC4wLCJCb3JkZXJTdHlsZSI6eyIkaWQiOiIxMTYyIiwiTGluZUNvbG9yIjpudWxsLCJMaW5lV2VpZ2h0IjowLjAsIkxpbmVUeXBlIjowLCJQYXJlbnRTdHlsZSI6bnVsbH0sIlBhcmVudFN0eWxlIjpudWxsfSwiRGF0ZUZvcm1hdCI6eyIkaWQiOiIxMTY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NzkiLCJUb3AiOjAuMCwiTGVmdCI6MC4wLCJSaWdodCI6MC4wLCJCb3R0b20iOjAuMH0sIlBhZGRpbmciOnsiJGlkIjoiMTE4MCIsIlRvcCI6MC4wLCJMZWZ0IjowLjAsIlJpZ2h0IjowLjAsIkJvdHRvbSI6MC4wfSwiQmFja2dyb3VuZCI6eyIkaWQiOiIxMTgxIiwiQ29sb3IiOnsiJGlkIjoiMTE4MiIsIkEiOjAsIlIiOjI1NSwiRyI6MjU1LCJCIjoyNTV9fSwiSXNWaXNpYmxlIjp0cnVlLCJXaWR0aCI6MC4wLCJIZWlnaHQiOjAuMCwiQm9yZGVyU3R5bGUiOnsiJGlkIjoiMTE4MyIsIkxpbmVDb2xvciI6bnVsbCwiTGluZVdlaWdodCI6MC4wLCJMaW5lVHlwZSI6MCwiUGFyZW50U3R5bGUiOm51bGx9LCJQYXJlbnRTdHlsZSI6bnVsbH0sIkRh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zOCIsIlRvcCI6MC4wLCJMZWZ0IjowLjAsIlJpZ2h0IjowLjAsIkJvdHRvbSI6MC4wfSwiUGFkZGluZyI6eyIkaWQiOiIxNTM5IiwiVG9wIjowLjAsIkxlZnQiOjAuMCwiUmlnaHQiOjAuMCwiQm90dG9tIjowLjB9LCJCYWNrZ3JvdW5kIjp7IiRpZCI6IjE1NDAiLCJDb2xvciI6eyIkcmVmIjoiMTUzMiJ9fSwiSXNWaXNpYmxlIjp0cnVlLCJXaWR0aCI6MC4wLCJIZWlnaHQiOjAuMCwiQm9yZGVyU3R5bGUiOnsiJGlkIjoiMTU0MSIsIkxpbmVDb2xvciI6bnVsbCwiTGluZVdlaWdodCI6MC4wLCJMaW5lVHlwZSI6MCwiUGFyZW50U3R5bGUiOm51bGx9LCJQYXJlbnRTdHlsZSI6bnVsbH0sIkRhdGVGb3JtYXQiOnsiJGlkIjoiMTU0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DciLCJGb3JtYXQiOjAsIklzVmlzaWJsZSI6ZmFsc2UsIkxhc3RLbm93blZpc2liaWxpdHlTdGF0ZSI6ZmFsc2V9LCJJc1Zpc2libGUiOnRydWUsIlBhcmVudFN0eWxlIjpudWxsLCJfZXhwbGljaXRseVNldCI6eyIkaWQiOiIxODg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E2IiwiVG9wIjowLjAsIkxlZnQiOjAuMCwiUmlnaHQiOjAuMCwiQm90dG9tIjowLjB9LCJQYWRkaW5nIjp7IiRpZCI6IjE5MTciLCJUb3AiOjAuMCwiTGVmdCI6MC4wLCJSaWdodCI6MC4wLCJCb3R0b20iOjAuMH0sIkJhY2tncm91bmQiOnsiJGlkIjoiMTkxOCIsIkNvbG9yIjp7IiRyZWYiOiIxOTEwIn19LCJJc1Zpc2libGUiOnRydWUsIldpZHRoIjowLjAsIkhlaWdodCI6MC4wLCJCb3JkZXJTdHlsZSI6eyIkaWQiOiIxOTE5IiwiTGluZUNvbG9yIjpudWxsLCJMaW5lV2VpZ2h0IjowLjAsIkxpbmVUeXBlIjowLCJQYXJlbnRTdHlsZSI6bnVsbH0sIlBhcmVudFN0eWxlIjpudWxsfSwiRGF0ZUZvcm1hdCI6eyIkaWQiOiIxOTI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4OSIsIlRvcCI6MC4wLCJMZWZ0IjowLjAsIlJpZ2h0IjowLjAsIkJvdHRvbSI6MC4wfSwiUGFkZGluZyI6eyIkaWQiOiIyMDkwIiwiVG9wIjowLjAsIkxlZnQiOjAuMCwiUmlnaHQiOjAuMCwiQm90dG9tIjowLjB9LCJCYWNrZ3JvdW5kIjp7IiRpZCI6IjIwOTEiLCJDb2xvciI6eyIkcmVmIjoiMjAyNiJ9fSwiSXNWaXNpYmxlIjp0cnVlLCJXaWR0aCI6MC4wLCJIZWlnaHQiOjAuMCwiQm9yZGVyU3R5bGUiOm51bGwsIlBhcmVudFN0eWxlIjpudWxsfSwiRGF0ZUZvcm1hdCI6eyIkaWQiOiIyMDk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jEiLCJUb3AiOjAuMCwiTGVmdCI6MC4wLCJSaWdodCI6MC4wLCJCb3R0b20iOjAuMH0sIlBhZGRpbmciOnsiJGlkIjoiMjEyMiIsIlRvcCI6MC4wLCJMZWZ0IjowLjAsIlJpZ2h0IjowLjAsIkJvdHRvbSI6MC4wfSwiQmFja2dyb3VuZCI6eyIkaWQiOiIyMTIzIiwiQ29sb3IiOnsiJHJlZiI6IjIxMTYifX0sIklzVmlzaWJsZSI6dHJ1ZSwiV2lkdGgiOjAuMCwiSGVpZ2h0IjowLjAsIkJvcmRlclN0eWxlIjpudWxsLCJQYXJlbnRTdHlsZSI6bnVsbH0sIkRhdGVGb3JtYXQiOnsiJGlkIjoiMjEy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jE2NyIsIlRvcCI6MC4wLCJMZWZ0IjowLjAsIlJpZ2h0IjowLjAsIkJvdHRvbSI6MC4wfSwiUGFkZGluZyI6eyIkaWQiOiIyMTY4IiwiVG9wIjowLjAsIkxlZnQiOjAuMCwiUmlnaHQiOjAuMCwiQm90dG9tIjowLjB9LCJCYWNrZ3JvdW5kIjp7IiRpZCI6IjIxNjkiLCJDb2xvciI6eyIkcmVmIjoiMjAyNiJ9fSwiSXNWaXNpYmxlIjp0cnVlLCJXaWR0aCI6MC4wLCJIZWlnaHQiOjAuMCwiQm9yZGVyU3R5bGUiOm51bGwsIlBhcmVudFN0eWxlIjpudWxsfSwiRGF0ZUZvcm1hdCI6eyIkaWQiOiIyMTc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zEiLCJGb3JtYXQiOjAsIklzVmlzaWJsZSI6ZmFsc2UsIkxhc3RLbm93blZpc2liaWxpdHlTdGF0ZSI6ZmFsc2V9LCJJc1Zpc2libGUiOnRydWUsIlBhcmVudFN0eWxlIjpudWxsLCJfZXhwbGljaXRseVNldCI6eyIkaWQiOiIyMTc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k0IiwiVG9wIjowLjAsIkxlZnQiOjAuMCwiUmlnaHQiOjAuMCwiQm90dG9tIjowLjB9LCJQYWRkaW5nIjp7IiRpZCI6IjIxOTUiLCJUb3AiOjAuMCwiTGVmdCI6MC4wLCJSaWdodCI6MC4wLCJCb3R0b20iOjAuMH0sIkJhY2tncm91bmQiOnsiJGlkIjoiMjE5NiIsIkNvbG9yIjp7IiRpZCI6IjIxOTciLCJBIjo4OSwiUiI6MCwiRyI6MCwiQiI6MH19LCJJc1Zpc2libGUiOnRydWUsIldpZHRoIjowLjAsIkhlaWdodCI6MC4wLCJCb3JkZXJTdHlsZSI6bnVsbCwiUGFyZW50U3R5bGUiOm51bGx9LCJEYXRlRm9ybWF0Ijp7IiRpZCI6IjIxOT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IzMjAiLCJUb3AiOjAuMCwiTGVmdCI6MC4wLCJSaWdodCI6MC4wLCJCb3R0b20iOjAuMH0sIlBhZGRpbmciOnsiJGlkIjoiMjMyMSIsIlRvcCI6MC4wLCJMZWZ0IjowLjAsIlJpZ2h0IjowLjAsIkJvdHRvbSI6MC4wfSwiQmFja2dyb3VuZCI6eyIkaWQiOiIyMzIyIiwiQ29sb3IiOnsiJGlkIjoiMjMyMyIsIkEiOjAsIlIiOjI1NSwiRyI6MjU1LCJCIjoyNTV9fSwiSXNWaXNpYmxlIjp0cnVlLCJXaWR0aCI6MC4wLCJIZWlnaHQiOjAuMCwiQm9yZGVyU3R5bGUiOm51bGwsIlBhcmVudFN0eWxlIjpudWxsfSwiRGF0ZUZvcm1hdCI6eyIkaWQiOiIyMzI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jUiLCJGb3JtYXQiOjAsIklzVmlzaWJsZSI6ZmFsc2UsIkxhc3RLbm93blZpc2liaWxpdHlTdGF0ZSI6ZmFsc2V9LCJJc1Zpc2libGUiOnRydWUsIlBhcmVudFN0eWxlIjpudWxsLCJfZXhwbGljaXRseVNldCI6eyIkaWQiOiIyMz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1MyIsIlRvcCI6MC4wLCJMZWZ0IjowLjAsIlJpZ2h0IjowLjAsIkJvdHRvbSI6MC4wfSwiUGFkZGluZyI6eyIkaWQiOiIyMzU0IiwiVG9wIjowLjAsIkxlZnQiOjAuMCwiUmlnaHQiOjAuMCwiQm90dG9tIjowLjB9LCJCYWNrZ3JvdW5kIjp7IiRpZCI6IjIzNTUiLCJDb2xvciI6eyIkcmVmIjoiMjM0OCJ9fSwiSXNWaXNpYmxlIjp0cnVlLCJXaWR0aCI6MC4wLCJIZWlnaHQiOjAuMCwiQm9yZGVyU3R5bGUiOm51bGwsIlBhcmVudFN0eWxlIjpudWxsfSwiRGF0ZUZvcm1hdCI6eyIkaWQiOiIyMzU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DAiLCJUb3AiOjAuMCwiTGVmdCI6MC4wLCJSaWdodCI6MC4wLCJCb3R0b20iOjAuMH0sIlBhZGRpbmciOnsiJGlkIjoiMjM4MSIsIlRvcCI6MC4wLCJMZWZ0IjowLjAsIlJpZ2h0IjowLjAsIkJvdHRvbSI6MC4wfSwiQmFja2dyb3VuZCI6eyIkaWQiOiIyMzgyIiwiQ29sb3IiOnsiJGlkIjoiMjM4MyIsIkEiOjAsIlIiOjI1NSwiRyI6MjU1LCJCIjoyNTV9fSwiSXNWaXNpYmxlIjp0cnVlLCJXaWR0aCI6MC4wLCJIZWlnaHQiOjAuMCwiQm9yZGVyU3R5bGUiOm51bGwsIlBhcmVudFN0eWxlIjpudWxsfSwiRGF0ZUZvcm1hdCI6eyIkaWQiOiIyMzg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jQ4NiIsIlRvcCI6MC4wLCJMZWZ0IjowLjAsIlJpZ2h0IjowLjAsIkJvdHRvbSI6MC4wfSwiUGFkZGluZyI6eyIkaWQiOiIyNDg3IiwiVG9wIjowLjAsIkxlZnQiOjAuMCwiUmlnaHQiOjAuMCwiQm90dG9tIjowLjB9LCJCYWNrZ3JvdW5kIjp7IiRpZCI6IjI0ODgiLCJDb2xvciI6eyIkaWQiOiIyNDg5IiwiQSI6MCwiUiI6MjU1LCJHIjoyNTUsIkIiOjI1NX19LCJJc1Zpc2libGUiOnRydWUsIldpZHRoIjowLjAsIkhlaWdodCI6MC4wLCJCb3JkZXJTdHlsZSI6bnVsbCwiUGFyZW50U3R5bGUiOm51bGx9LCJEYXRlRm9ybWF0Ijp7IiRpZCI6IjI0O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5MSIsIkZvcm1hdCI6MCwiSXNWaXNpYmxlIjpmYWxzZSwiTGFzdEtub3duVmlzaWJpbGl0eVN0YXRlIjpmYWxzZX0sIklzVmlzaWJsZSI6dHJ1ZSwiUGFyZW50U3R5bGUiOm51bGwsIl9leHBsaWNpdGx5U2V0Ijp7IiRpZCI6IjI0O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MTkiLCJUb3AiOjAuMCwiTGVmdCI6MC4wLCJSaWdodCI6MC4wLCJCb3R0b20iOjAuMH0sIlBhZGRpbmciOnsiJGlkIjoiMjUyMCIsIlRvcCI6MC4wLCJMZWZ0IjowLjAsIlJpZ2h0IjowLjAsIkJvdHRvbSI6MC4wfSwiQmFja2dyb3VuZCI6eyIkaWQiOiIyNTIxIiwiQ29sb3IiOnsiJHJlZiI6IjI1MTQifX0sIklzVmlzaWJsZSI6dHJ1ZSwiV2lkdGgiOjAuMCwiSGVpZ2h0IjowLjAsIkJvcmRlclN0eWxlIjpudWxsLCJQYXJlbnRTdHlsZSI6bnVsbH0sIkRhdGVGb3JtYXQiOnsiJGlkIjoiMjUy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DYiLCJUb3AiOjAuMCwiTGVmdCI6MC4wLCJSaWdodCI6MC4wLCJCb3R0b20iOjAuMH0sIlBhZGRpbmciOnsiJGlkIjoiMjU0NyIsIlRvcCI6MC4wLCJMZWZ0IjowLjAsIlJpZ2h0IjowLjAsIkJvdHRvbSI6MC4wfSwiQmFja2dyb3VuZCI6eyIkaWQiOiIyNTQ4IiwiQ29sb3IiOnsiJGlkIjoiMjU0OSIsIkEiOjAsIlIiOjI1NSwiRyI6MjU1LCJCIjoyNTV9fSwiSXNWaXNpYmxlIjp0cnVlLCJXaWR0aCI6MC4wLCJIZWlnaHQiOjAuMCwiQm9yZGVyU3R5bGUiOm51bGwsIlBhcmVudFN0eWxlIjpudWxsfSwiRGF0ZUZvcm1hdCI6eyIkaWQiOiIyNTU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jY1MiIsIlRvcCI6MC4wLCJMZWZ0IjowLjAsIlJpZ2h0IjowLjAsIkJvdHRvbSI6MC4wfSwiUGFkZGluZyI6eyIkaWQiOiIyNjUzIiwiVG9wIjowLjAsIkxlZnQiOjAuMCwiUmlnaHQiOjAuMCwiQm90dG9tIjowLjB9LCJCYWNrZ3JvdW5kIjp7IiRpZCI6IjI2NTQiLCJDb2xvciI6eyIkaWQiOiIyNjU1IiwiQSI6MCwiUiI6MjU1LCJHIjoyNTUsIkIiOjI1NX19LCJJc1Zpc2libGUiOnRydWUsIldpZHRoIjowLjAsIkhlaWdodCI6MC4wLCJCb3JkZXJTdHlsZSI6bnVsbCwiUGFyZW50U3R5bGUiOm51bGx9LCJEYXRlRm9ybWF0Ijp7IiRpZCI6IjI2N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1NyIsIkZvcm1hdCI6MCwiSXNWaXNpYmxlIjpmYWxzZSwiTGFzdEtub3duVmlzaWJpbGl0eVN0YXRlIjpmYWxzZX0sIklzVmlzaWJsZSI6dHJ1ZSwiUGFyZW50U3R5bGUiOm51bGwsIl9leHBsaWNpdGx5U2V0Ijp7IiRpZCI6IjI2N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4NSIsIlRvcCI6MC4wLCJMZWZ0IjowLjAsIlJpZ2h0IjowLjAsIkJvdHRvbSI6MC4wfSwiUGFkZGluZyI6eyIkaWQiOiIyNjg2IiwiVG9wIjowLjAsIkxlZnQiOjAuMCwiUmlnaHQiOjAuMCwiQm90dG9tIjowLjB9LCJCYWNrZ3JvdW5kIjp7IiRpZCI6IjI2ODciLCJDb2xvciI6eyIkcmVmIjoiMjY4MCJ9fSwiSXNWaXNpYmxlIjp0cnVlLCJXaWR0aCI6MC4wLCJIZWlnaHQiOjAuMCwiQm9yZGVyU3R5bGUiOm51bGwsIlBhcmVudFN0eWxlIjpudWxsfSwiRGF0ZUZvcm1hdCI6eyIkaWQiOiIyNjg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EyIiwiVG9wIjowLjAsIkxlZnQiOjAuMCwiUmlnaHQiOjAuMCwiQm90dG9tIjowLjB9LCJQYWRkaW5nIjp7IiRpZCI6IjI3MTMiLCJUb3AiOjAuMCwiTGVmdCI6MC4wLCJSaWdodCI6MC4wLCJCb3R0b20iOjAuMH0sIkJhY2tncm91bmQiOnsiJGlkIjoiMjcxNCIsIkNvbG9yIjp7IiRpZCI6IjI3MTUiLCJBIjowLCJSIjoyNTUsIkciOjI1NSwiQiI6MjU1fX0sIklzVmlzaWJsZSI6dHJ1ZSwiV2lkdGgiOjAuMCwiSGVpZ2h0IjowLjAsIkJvcmRlclN0eWxlIjpudWxsLCJQYXJlbnRTdHlsZSI6bnVsbH0sIkRhdGVGb3JtYXQiOnsiJGlkIjoiMjc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I4MTgiLCJUb3AiOjAuMCwiTGVmdCI6MC4wLCJSaWdodCI6MC4wLCJCb3R0b20iOjAuMH0sIlBhZGRpbmciOnsiJGlkIjoiMjgxOSIsIlRvcCI6MC4wLCJMZWZ0IjowLjAsIlJpZ2h0IjowLjAsIkJvdHRvbSI6MC4wfSwiQmFja2dyb3VuZCI6eyIkaWQiOiIyODIwIiwiQ29sb3IiOnsiJGlkIjoiMjgyMSIsIkEiOjAsIlIiOjI1NSwiRyI6MjU1LCJCIjoyNTV9fSwiSXNWaXNpYmxlIjp0cnVlLCJXaWR0aCI6MC4wLCJIZWlnaHQiOjAuMCwiQm9yZGVyU3R5bGUiOm51bGwsIlBhcmVudFN0eWxlIjpudWxsfSwiRGF0ZUZvcm1hdCI6eyIkaWQiOiIyODI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jMiLCJGb3JtYXQiOjAsIklzVmlzaWJsZSI6ZmFsc2UsIkxhc3RLbm93blZpc2liaWxpdHlTdGF0ZSI6ZmFsc2V9LCJJc1Zpc2libGUiOnRydWUsIlBhcmVudFN0eWxlIjpudWxsLCJfZXhwbGljaXRseVNldCI6eyIkaWQiOiIyODI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NTEiLCJUb3AiOjAuMCwiTGVmdCI6MC4wLCJSaWdodCI6MC4wLCJCb3R0b20iOjAuMH0sIlBhZGRpbmciOnsiJGlkIjoiMjg1MiIsIlRvcCI6MC4wLCJMZWZ0IjowLjAsIlJpZ2h0IjowLjAsIkJvdHRvbSI6MC4wfSwiQmFja2dyb3VuZCI6eyIkaWQiOiIyODUzIiwiQ29sb3IiOnsiJHJlZiI6IjI4NDYifX0sIklzVmlzaWJsZSI6dHJ1ZSwiV2lkdGgiOjAuMCwiSGVpZ2h0IjowLjAsIkJvcmRlclN0eWxlIjpudWxsLCJQYXJlbnRTdHlsZSI6bnVsbH0sIkRhdGVGb3JtYXQiOnsiJGlkIjoiMjg1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3OCIsIlRvcCI6MC4wLCJMZWZ0IjowLjAsIlJpZ2h0IjowLjAsIkJvdHRvbSI6MC4wfSwiUGFkZGluZyI6eyIkaWQiOiIyODc5IiwiVG9wIjowLjAsIkxlZnQiOjAuMCwiUmlnaHQiOjAuMCwiQm90dG9tIjowLjB9LCJCYWNrZ3JvdW5kIjp7IiRpZCI6IjI4ODAiLCJDb2xvciI6eyIkaWQiOiIyODgxIiwiQSI6MCwiUiI6MjU1LCJHIjoyNTUsIkIiOjI1NX19LCJJc1Zpc2libGUiOnRydWUsIldpZHRoIjowLjAsIkhlaWdodCI6MC4wLCJCb3JkZXJTdHlsZSI6bnVsbCwiUGFyZW50U3R5bGUiOm51bGx9LCJEYXRlRm9ybWF0Ijp7IiRpZCI6IjI4OD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I5ODQiLCJUb3AiOjAuMCwiTGVmdCI6MC4wLCJSaWdodCI6MC4wLCJCb3R0b20iOjAuMH0sIlBhZGRpbmciOnsiJGlkIjoiMjk4NSIsIlRvcCI6MC4wLCJMZWZ0IjowLjAsIlJpZ2h0IjowLjAsIkJvdHRvbSI6MC4wfSwiQmFja2dyb3VuZCI6eyIkaWQiOiIyOTg2IiwiQ29sb3IiOnsiJGlkIjoiMjk4NyIsIkEiOjAsIlIiOjI1NSwiRyI6MjU1LCJCIjoyNTV9fSwiSXNWaXNpYmxlIjp0cnVlLCJXaWR0aCI6MC4wLCJIZWlnaHQiOjAuMCwiQm9yZGVyU3R5bGUiOm51bGwsIlBhcmVudFN0eWxlIjpudWxsfSwiRGF0ZUZvcm1hdCI6eyIkaWQiOiIyOTg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DkiLCJGb3JtYXQiOjAsIklzVmlzaWJsZSI6ZmFsc2UsIkxhc3RLbm93blZpc2liaWxpdHlTdGF0ZSI6ZmFsc2V9LCJJc1Zpc2libGUiOnRydWUsIlBhcmVudFN0eWxlIjpudWxsLCJfZXhwbGljaXRseVNldCI6eyIkaWQiOiIyOTk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E3IiwiVG9wIjowLjAsIkxlZnQiOjAuMCwiUmlnaHQiOjAuMCwiQm90dG9tIjowLjB9LCJQYWRkaW5nIjp7IiRpZCI6IjMwMTgiLCJUb3AiOjAuMCwiTGVmdCI6MC4wLCJSaWdodCI6MC4wLCJCb3R0b20iOjAuMH0sIkJhY2tncm91bmQiOnsiJGlkIjoiMzAxOSIsIkNvbG9yIjp7IiRyZWYiOiIzMDEyIn19LCJJc1Zpc2libGUiOnRydWUsIldpZHRoIjowLjAsIkhlaWdodCI6MC4wLCJCb3JkZXJTdHlsZSI6bnVsbCwiUGFyZW50U3R5bGUiOm51bGx9LCJEYXRlRm9ybWF0Ijp7IiRpZCI6IjMwMj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Q0IiwiVG9wIjowLjAsIkxlZnQiOjAuMCwiUmlnaHQiOjAuMCwiQm90dG9tIjowLjB9LCJQYWRkaW5nIjp7IiRpZCI6IjMwNDUiLCJUb3AiOjAuMCwiTGVmdCI6MC4wLCJSaWdodCI6MC4wLCJCb3R0b20iOjAuMH0sIkJhY2tncm91bmQiOnsiJGlkIjoiMzA0NiIsIkNvbG9yIjp7IiRpZCI6IjMwNDciLCJBIjowLCJSIjoyNTUsIkciOjI1NSwiQiI6MjU1fX0sIklzVmlzaWJsZSI6dHJ1ZSwiV2lkdGgiOjAuMCwiSGVpZ2h0IjowLjAsIkJvcmRlclN0eWxlIjpudWxsLCJQYXJlbnRTdHlsZSI6bnVsbH0sIkRhdGVGb3JtYXQiOnsiJGlkIjoiMzA0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U1IiwiRm9ybWF0IjowLCJJc1Zpc2libGUiOmZhbHNlLCJMYXN0S25vd25WaXNpYmlsaXR5U3RhdGUiOmZhbHNlfSwiSXNWaXNpYmxlIjp0cnVlLCJQYXJlbnRTdHlsZSI6bnVsbCwiX2V4cGxpY2l0bHlTZXQiOnsiJGlkIjoiMzE1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gzIiwiVG9wIjowLjAsIkxlZnQiOjAuMCwiUmlnaHQiOjAuMCwiQm90dG9tIjowLjB9LCJQYWRkaW5nIjp7IiRpZCI6IjMxODQiLCJUb3AiOjAuMCwiTGVmdCI6MC4wLCJSaWdodCI6MC4wLCJCb3R0b20iOjAuMH0sIkJhY2tncm91bmQiOnsiJGlkIjoiMzE4NSIsIkNvbG9yIjp7IiRyZWYiOiIzMTc4In19LCJJc1Zpc2libGUiOnRydWUsIldpZHRoIjowLjAsIkhlaWdodCI6MC4wLCJCb3JkZXJTdHlsZSI6bnVsbCwiUGFyZW50U3R5bGUiOm51bGx9LCJEYXRlRm9ybWF0Ijp7IiRpZCI6IjMxO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xMCIsIlRvcCI6MC4wLCJMZWZ0IjowLjAsIlJpZ2h0IjowLjAsIkJvdHRvbSI6MC4wfSwiUGFkZGluZyI6eyIkaWQiOiIzMjExIiwiVG9wIjowLjAsIkxlZnQiOjAuMCwiUmlnaHQiOjAuMCwiQm90dG9tIjowLjB9LCJCYWNrZ3JvdW5kIjp7IiRpZCI6IjMyMTIiLCJDb2xvciI6eyIkaWQiOiIzMjEzIiwiQSI6MCwiUiI6MjU1LCJHIjoyNTUsIkIiOjI1NX19LCJJc1Zpc2libGUiOmZhbHNlLCJXaWR0aCI6MC4wLCJIZWlnaHQiOjAuMCwiQm9yZGVyU3R5bGUiOm51bGwsIlBhcmVudFN0eWxlIjpudWxsfSwiRGF0ZUZvcm1hdCI6eyIkaWQiOiIzMjE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NvdXJjZVRoZW1lIjoie1wiJGlkXCI6XCIxXCIsXCJJZFwiOlwiNzFkYjRlNjktZmRiYi00M2MzLWJlMzQtZWQwNWZhZGM2ZmZi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NzgsXCJHXCI6MTQsXCJCXCI6MTh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xNzgsXCJHXCI6MTQsXCJCXCI6MTh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mZhbHN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5MixcIkdcIjowLFwiQlwiOjB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TMsXCJHXCI6MTMsXCJCXCI6MTN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A0LFwiUlwiOjI1MixcIkdcIjoyMTIsXCJCXCI6NzF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wLFwiRm9udE5hbWVcIjpcIkNhbGlicmlcIixcIklzQm9sZFwiOnRydWUsXCJJc0l0YWxpY1wiOmZhbHNlLFwiSXNVbmRlcmxpbmVkXCI6ZmFsc2V9LFwiRm9yZWdyb3VuZFwiOntcIiRpZFwiOlwiNzZcIixcIkNvbG9yXCI6e1wiJGlkXCI6XCI3N1wiLFwiQVwiOjI1NSxcIlJcIjoyNTUsXCJHXCI6MjU1LFwiQlwiOjI1NX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NCxcIkdcIjo2NCxcIkJcIjo2NX19LFwiSG9yaXpvbnRhbEFsaWdubWVudFwiOjAsXCJJc1Zpc2libGVcIjp0cnVlfSxcIkRhdGVGb3JtYXRcIjp7XCIkaWRcIjpcIjgy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3LFwiSXNCZWxvd1RpbWViYW5kXCI6ZmFsc2UsXCJTaGFwZVNpemVcIjow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wNCxcIlJcIjoyNTIsXCJHXCI6MjEyLFwiQlwiOjcxfX0sXCJJc1Zpc2libGVcIjp0cnVlLFwiV2lkdGhcIjoxNC4wLFwiSGVpZ2h0XCI6MTQ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AsXCJGb250TmFtZVwiOlwiQ2FsaWJyaVwiLFwiSXNCb2xkXCI6ZmFsc2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wLFwiSXNWaXNpYmxlXCI6dHJ1ZX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NyxcIlNoYXBlU2l6ZVwiOjA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MDQsXCJSXCI6MjUyLFwiR1wiOjIxMixcIkJcIjo3MX19LFwiSXNWaXNpYmxlXCI6dHJ1ZSxcIldpZHRoXCI6MTQuMCxcIkhlaWdodFwiOjE0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w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wNCxcIlJcIjoyNTIsXCJHXCI6MjEyLFwiQlwiOjcxfX0sXCJJc1Zpc2libGVcIjp0cnVlLFwiV2lkdGhcIjowLjAsXCJIZWlnaHRcIjowLjAsXCJCb3JkZXJTdHlsZVwiOntcIiRpZFwiOlwiMTM3XCIsXCJMaW5lU3R5bGVcIjp7XCIkaWRcIjpcIjEzOFwiLFwiTGluZUNvbG9yXCI6e1wiJGlkXCI6XCIxMzlcIixcIkNvbG9yXCI6e1wiJGlkXCI6XCIxNDBcIixcIkFcIjoyNTUsXCJSXCI6MzEsXCJHXCI6MzIsXCJCXCI6MzN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xODEsXCJHXCI6MTgxLFwiQlwiOjE4M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UyLFwiR1wiOjIxMixcIkJcIjo3M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xODEsXCJHXCI6MTgxLFwiQlwiOjE4M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wLFwiRGF0ZVBvc2l0aW9uXCI6MixcIlNoYXBlVHlwZVwiOjE3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NTIsXCJHXCI6MjEyLFwiQlwiOjcxfX0sXCJJc1Zpc2libGVcIjp0cnVlLFwiV2lkdGhcIjoxNC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A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NC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TkyLFwiR1wiOjgwLFwiQlwiOjc3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SxcIkVuZERhdGVQb3NpdGlvblwiOjEsXCJUaXRsZVBvc2l0aW9uXCI6MixcIkR1cmF0aW9uUG9zaXRpb25cIjowLFwiUGVyY2VudGFnZUNvbXBsZXRlZFBvc2l0aW9uXCI6M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IsXCJHXCI6MjEyLFwiQlwiOjcxfX0sXCJJc1Zpc2libGVcIjp0cnVlLFwiV2lkdGhcIjowLjAsXCJIZWlnaHRcIjoxNi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CxcIkZvbnROYW1lXCI6XCJDYWxpYnJpXCIsXCJJc0JvbGRcIjp0cnV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QsXCJHXCI6NjQsXCJCXCI6NjV9fSxcIkhvcml6b250YWxBbGlnbm1lbnRcIjowLFwiSXNWaXNpYmxlXCI6dHJ1ZX0sXCJEYXRlRm9ybWF0XCI6e1wiJGlkXCI6XCIyMjR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NyxcIlNoYXBlU2l6ZVwiOjAsXCJEZXRhaWxzU3BhY2luZ1wiOjE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MDQsXCJSXCI6MjUyLFwiR1wiOjIxMixcIkJcIjo3MX19LFwiSXNWaXNpYmxlXCI6dHJ1ZSxcIldpZHRoXCI6MTQuMCxcIkhlaWdodFwiOjE0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w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NkOTdjZDFmLTRkOTItNDlhZC04NWM5LWUyMzVlZDVlYzM1OFwiLFwiTmFtZVwiOlwiU3dpbWxhbmUgU3R5bGUgMlwiLFwiSGVhZGVyU3R5bGVcIjp7XCIkaWRcIjpcIjI0OFwiLFwiVGV4dFN0eWxlXCI6e1wiJGlkXCI6XCIyNDlcIixcIkZvbnRTZXR0aW5nc1wiOntcIiRpZFwiOlwiMjUwXCIsXCJGb250U2l6ZVwiOjEz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A0LFwiUlwiOjIzNyxcIkdcIjozNCxcIkJcIjozNn19LFwiSXNWaXNpYmxlXCI6ZmFsc2UsXCJXaWR0aFwiOjAuMCxcIkhlaWdodFwiOjAuMCxcIkJvcmRlclN0eWxlXCI6e1wiJGlkXCI6XCIyNThcIixcIkxpbmVTdHlsZVwiOntcIiRpZFwiOlwiMjU5XCIsXCJMaW5lQ29sb3JcIjp7XCIkaWRcIjpcIjI2MFwiLFwiQ29sb3JcIjp7XCIkaWRcIjpcIjI2MVwiLFwiQVwiOjI1NSxcIlJcIjo4MSxcIkdcIjozOSxcIkJcIjoy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zgsXCJSXCI6MTgxLFwiR1wiOjE4MSxcIkJcIjoxODF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zNyxcIkdcIjozNCxcIkJcIjozNn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zOCxcIlJcIjoxODEsXCJHXCI6MTgxLFwiQlwiOjE4MX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wLFwiRGF0ZVBvc2l0aW9uXCI6MixcIlNoYXBlVHlwZVwiOjE3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zNCxcIkdcIjo3MyxcIkJcIjoxNTV9fSxcIklzVmlzaWJsZVwiOnRydWUsXCJXaWR0aFwiOjE0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C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0LFwiU2hhcGVUaGlja25lc3NcIjox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gsXCJHXCI6MjM2LFwiQlwiOjIyN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QsXCJFbmREYXRlUG9zaXRpb25cIjo0LFwiVGl0bGVQb3NpdGlvblwiOjIsXCJEdXJhdGlvblBvc2l0aW9uXCI6MCxcIlBlcmNlbnRhZ2VDb21wbGV0ZWRQb3NpdGlvblwiOjA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zQsXCJHXCI6NzMsXCJCXCI6MTU1fX0sXCJJc1Zpc2libGVcIjp0cnVlLFwiV2lkdGhcIjowLjAsXCJIZWlnaHRcIjoxNi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CxcIkZvbnROYW1lXCI6XCJDYWxpYnJpXCIsXCJJc0JvbGRcIjp0cnVlLFwiSXNJdGFsaWNcIjpmYWxzZSxcIklzVW5kZXJsaW5lZFwiOmZhbHNlfSxcIkZvcmVncm91bmRcIjp7XCIkaWRcIjpcIjMzOVwiLFwiQ29sb3JcIjp7XCIkaWRcIjpcIjM0MFwiLFwiQVwiOjI1NSxcIlJcIjoyNTUsXCJHXCI6MjU1LFwiQlwiOjI1NX19LFwiSG9yaXpvbnRhbEFsaWdubWVudFwiOjE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NjQsXCJHXCI6NjQsXCJCXCI6NjV9fSxcIkhvcml6b250YWxBbGlnbm1lbnRcIjowLFwiSXNWaXNpYmxlXCI6dHJ1ZX0sXCJEYXRlRm9ybWF0XCI6e1wiJGlkXCI6XCIzNDV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NyxcIlNoYXBlU2l6ZVwiOjAsXCJEZXRhaWxzU3BhY2luZ1wiOjE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MDQsXCJSXCI6MjM3LFwiR1wiOjM0LFwiQlwiOjM2fX0sXCJJc1Zpc2libGVcIjp0cnVlLFwiV2lkdGhcIjoxNC4wLFwiSGVpZ2h0XCI6MTQ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A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2OCxcIkdcIjo4NCxcIkJcIjoxMDZ9fSxcIkhvcml6b250YWxBbGlnbm1lbnRcIjowLFwiSXNWaXNpYmxlXCI6dHJ1ZX0sXCJEYXRlRm9ybWF0XCI6e1wiJGlkXCI6XCIzNjZ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NTU0MTAzMjItOTBkYy00YTk2LWFjMDMtM2IxMzg4YTk0NzNhXCIsXCJOYW1lXCI6XCJTd2ltbGFuZSBTdHlsZSAzXCIsXCJIZWFkZXJTdHlsZVwiOntcIiRpZFwiOlwiMzY5XCIsXCJUZXh0U3R5bGVcIjp7XCIkaWRcIjpcIjM3MFwiLFwiRm9udFNldHRpbmdzXCI6e1wiJGlkXCI6XCIzNzFcIixcIkZvbnRTaXplXCI6MTMsXCJGb250TmFtZVwiOlwiQ2FsaWJyaVwiLFwiSXNCb2xkXCI6dHJ1ZSxcIklzSXRhbGljXCI6ZmFsc2UsXCJJc1VuZGVybGluZWRcIjpmYWxzZX0sXCJGb3JlZ3JvdW5kXCI6e1wiJGlkXCI6XCIzNzJcIixcIkNvbG9yXCI6e1wiJGlkXCI6XCIzNzNcIixcIkFcIjoyNTUsXCJSXCI6MjU1LFwiR1wiOjI1NSxcIkJcIjoyNTV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xOTEsXCJSXCI6MCxcIkdcIjowLFwiQlwiOjB9fSxcIklzVmlzaWJsZVwiOmZhbHNlLFwiV2lkdGhcIjowLjAsXCJIZWlnaHRcIjowLjAsXCJCb3JkZXJTdHlsZVwiOntcIiRpZFwiOlwiMzc5XCIsXCJMaW5lU3R5bGVcIjp7XCIkaWRcIjpcIjM4MFwiLFwiTGluZUNvbG9yXCI6e1wiJGlkXCI6XCIzODFcIixcIkNvbG9yXCI6e1wiJGlkXCI6XCIzODJcIixcIkFcIjoyNTUsXCJSXCI6MCxcIkdcIjoyMyxcIkJcIjo0O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M4LFwiUlwiOjE4MSxcIkdcIjoxODEsXCJCXCI6MTg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wLFwiR1wiOjAsXCJCXCI6MH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zOCxcIlJcIjoxODEsXCJHXCI6MTgxLFwiQlwiOjE4MX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wLFwiRGF0ZVBvc2l0aW9uXCI6MixcIlNoYXBlVHlwZVwiOjE3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wLFwiR1wiOjUyLFwiQlwiOjEyMH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w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QsXCJTaGFwZVRoaWNrbmVzc1wiOjE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E5MixcIkdcIjo4MCxcIkJcIjo3N319LFwiSG9yaXpvbnRhbEFsaWdubWVudFwiOjAsXCJJc1Zpc2libGVcIjpmYWxz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EsXCJFbmREYXRlUG9zaXRpb25cIjoxLFwiVGl0bGVQb3NpdGlvblwiOjIsXCJEdXJhdGlvblBvc2l0aW9uXCI6MCxcIlBlcmNlbnRhZ2VDb21wbGV0ZWRQb3NpdGlvblwiOjA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CxcIkdcIjo1MixcIkJcIjoxMjB9fSxcIklzVmlzaWJsZVwiOnRydWUsXCJXaWR0aFwiOjAuMCxcIkhlaWdodFwiOjE2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wLFwiRm9udE5hbWVcIjpcIkNhbGlicmlcIixcIklzQm9sZFwiOnRydWUsXCJJc0l0YWxpY1wiOmZhbHNlLFwiSXNVbmRlcmxpbmVkXCI6ZmFsc2V9LFwiRm9yZWdyb3VuZFwiOntcIiRpZFwiOlwiNDYwXCIsXCJDb2xvclwiOntcIiRpZFwiOlwiNDYxXCIsXCJBXCI6MjU1LFwiUlwiOjI1NSxcIkdcIjoyNTUsXCJCXCI6MjU1fX0sXCJIb3Jpem9udGFsQWxpZ25tZW50XCI6MS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NCxcIkdcIjo2NCxcIkJcIjo2NX19LFwiSG9yaXpvbnRhbEFsaWdubWVudFwiOjAsXCJJc1Zpc2libGVcIjp0cnVlfSxcIkRhdGVGb3JtYXRcIjp7XCIkaWRcIjpcIjQ2Nl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3LFwiU2hhcGVTaXplXCI6MCxcIkRldGFpbHNTcGFjaW5nXCI6MS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E5MSxcIlJcIjowLFwiR1wiOjAsXCJCXCI6MH19LFwiSXNWaXNpYmxlXCI6dHJ1ZSxcIldpZHRoXCI6MTQuMCxcIkhlaWdodFwiOjE0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w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A0LFwiUlwiOjAsXCJHXCI6ODIsXCJCXCI6MTgwfX0sXCJJc1Zpc2libGVcIjpmYWxzZSxcIldpZHRoXCI6MC4wLFwiSGVpZ2h0XCI6MC4wLFwiQm9yZGVyU3R5bGVcIjp7XCIkaWRcIjpcIjUwMFwiLFwiTGluZVN0eWxlXCI6e1wiJGlkXCI6XCI1MDFcIixcIkxpbmVDb2xvclwiOntcIiRpZFwiOlwiNTAyXCIsXCJDb2xvclwiOntcIiRpZFwiOlwiNTAzXCIsXCJBXCI6MjU1LFwiUlwiOjY3LFwiR1wiOjYxLFwiQlwiOjU2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MzgsXCJSXCI6MTgxLFwiR1wiOjE4MSxcIkJcIjoxODF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AsXCJHXCI6ODIsXCJCXCI6MTgw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M4LFwiUlwiOjE4MSxcIkdcIjoxODEsXCJCXCI6MTgx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AsXCJEYXRlUG9zaXRpb25cIjoyLFwiU2hhcGVUeXBlXCI6MTcsXCJTaGFwZVNpemVcIjow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IxNixcIkdcIjowLFwiQlwiOjM5fX0sXCJJc1Zpc2libGVcIjp0cnVlLFwiV2lkdGhcIjoxNC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A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2OCxcIkdcIjo4NCxcIkJcIjoxMDZ9fSxcIkhvcml6b250YWxBbGlnbm1lbnRcIjowLFwiSXNWaXNpYmxlXCI6dHJ1ZX0sXCJEYXRlRm9ybWF0XCI6e1wiJGlkXCI6XCI1NTV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NCxcIlNoYXBlVGhpY2tuZXNzXCI6MS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TkyLFwiR1wiOjgwLFwiQlwiOjc3fX0sXCJIb3Jpem9udGFsQWxpZ25tZW50XCI6MC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SxcIkVuZERhdGVQb3NpdGlvblwiOjEsXCJUaXRsZVBvc2l0aW9uXCI6MixcIkR1cmF0aW9uUG9zaXRpb25cIjowLFwiUGVyY2VudGFnZUNvbXBsZXRlZFBvc2l0aW9uXCI6MC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yMTYsXCJHXCI6MCxcIkJcIjozOX19LFwiSXNWaXNpYmxlXCI6dHJ1ZSxcIldpZHRoXCI6MC4wLFwiSGVpZ2h0XCI6MTY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AsXCJGb250TmFtZVwiOlwiQ2FsaWJyaVwiLFwiSXNCb2xkXCI6dHJ1ZSxcIklzSXRhbGljXCI6ZmFsc2UsXCJJc1VuZGVybGluZWRcIjpmYWxzZX0sXCJGb3JlZ3JvdW5kXCI6e1wiJGlkXCI6XCI1ODFcIixcIkNvbG9yXCI6e1wiJGlkXCI6XCI1ODJcIixcIkFcIjoyNTUsXCJSXCI6MjU1LFwiR1wiOjI1NSxcIkJcIjoyNTV9fSxcIkhvcml6b250YWxBbGlnbm1lbnRcIjox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Y0LFwiR1wiOjY0LFwiQlwiOjY1fX0sXCJIb3Jpem9udGFsQWxpZ25tZW50XCI6MCxcIklzVmlzaWJsZVwiOnRydWV9LFwiRGF0ZUZvcm1hdFwiOntcIiRpZFwiOlwiNTg3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TcsXCJTaGFwZVNpemVcIjowLFwiRGV0YWlsc1NwYWNpbmdcIjoxLjAsXCJQYWRkaW5nXCI6e1wiJGlkXCI6XCI1OTBcIixcIlRvcFwiOjc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2OCxcIkdcIjo4NCxcIkJcIjoxMDZ9fSxcIkhvcml6b250YWxBbGlnbm1lbnRcIjowLFwiSXNWaXNpYmxlXCI6dHJ1ZX0sXCJEYXRlRm9ybWF0XCI6e1wiJGlkXCI6XCI2MD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jU4IiwiVXNlVGltZSI6ZmFsc2UsIldvcmtEYXlTdGFydCI6IjAwOjAwOjAwIiwiV29ya0RheUVuZCI6IjIzOjU5OjAwIn0sIkxhc3RVc2VkVGVtcGxhdGVJZCI6ImNjMjZmODYzLTI3Y2UtNDgwZS1hNTg5LWIzZjEyZjJkNmViMCIsIkxhc3RVc2VkVGhlbWVEZXRhaWxzIjp7IiRpZCI6IjMyNTkiLCJJZCI6IjcxZGI0ZTY5LWZkYmItNDNjMy1iZTM0LWVkMDVmYWRjNmZmYiIsIlRpdGxlIjoiVW50aXRsZWQgdGhlbWUiLCJDYXRlZ29yeSI6Mn0sIkZpcnN0V2Vla09mWWVhciI6MCwiUGxhY2VNaWxlc3RvbmVBdFRoZUJlZ2lubmluZ09mVGhlRGF5IjpmYWxzZSwiRGVwZW5kZW5jeVNjaGVkdWxpbmdTZXR0aW5ncyI6eyIkaWQiOiIzMjYw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9-05-25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54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30"/>
  <p:tag name="OTLTIMEBANDSHAPEPADDINGLEFT" val="0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4-04-03T00:00:00.0000000Z"/>
  <p:tag name="OTLENDDATE" val="2025-06-30T09:16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4-07-03T00:00:00.0000000Z"/>
  <p:tag name="OTLENDDATE" val="2025-07-01T02:57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4-01-01T00:00:00.0000000Z"/>
  <p:tag name="OTLENDDATE" val="2025-12-25T23:59:00.0000000Z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4-01-04T19:35:00.0000000Z"/>
  <p:tag name="OTLENDDATE" val="2026-12-27T20:39:00.0000000Z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4-01-06T00:00:00.0000000Z"/>
  <p:tag name="OTLENDDATE" val="2026-12-12T23:45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4-07-03T23:59:00.0000000Z"/>
  <p:tag name="OTLENDDATE" val="2026-12-25T09:20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I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9-30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II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2-27T23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01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sh data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04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ina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8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urkey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30T23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pai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3-17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wede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1-06T23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ata refresh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1-31T23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sh data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30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5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II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01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sh to Class IV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6-09-06T23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</TotalTime>
  <Words>171</Words>
  <Application>Microsoft Office PowerPoint</Application>
  <PresentationFormat>Widescreen</PresentationFormat>
  <Paragraphs>7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ptos</vt:lpstr>
      <vt:lpstr>Aptos Display</vt:lpstr>
      <vt:lpstr>Arial</vt:lpstr>
      <vt:lpstr>Calibri</vt:lpstr>
      <vt:lpstr>Calibri Light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Gabriel Bogdan Mihai Rusu</dc:creator>
  <cp:lastModifiedBy>Gabriel Bogdan Mihai Rusu</cp:lastModifiedBy>
  <cp:revision>2</cp:revision>
  <dcterms:created xsi:type="dcterms:W3CDTF">2024-06-26T11:27:27Z</dcterms:created>
  <dcterms:modified xsi:type="dcterms:W3CDTF">2024-06-26T11:33:30Z</dcterms:modified>
</cp:coreProperties>
</file>